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99" r:id="rId4"/>
  </p:sldMasterIdLst>
  <p:notesMasterIdLst>
    <p:notesMasterId r:id="rId26"/>
  </p:notesMasterIdLst>
  <p:handoutMasterIdLst>
    <p:handoutMasterId r:id="rId27"/>
  </p:handoutMasterIdLst>
  <p:sldIdLst>
    <p:sldId id="267" r:id="rId5"/>
    <p:sldId id="270" r:id="rId6"/>
    <p:sldId id="272" r:id="rId7"/>
    <p:sldId id="275" r:id="rId8"/>
    <p:sldId id="268" r:id="rId9"/>
    <p:sldId id="274" r:id="rId10"/>
    <p:sldId id="276" r:id="rId11"/>
    <p:sldId id="278" r:id="rId12"/>
    <p:sldId id="280" r:id="rId13"/>
    <p:sldId id="281" r:id="rId14"/>
    <p:sldId id="282" r:id="rId15"/>
    <p:sldId id="277" r:id="rId16"/>
    <p:sldId id="286" r:id="rId17"/>
    <p:sldId id="269" r:id="rId18"/>
    <p:sldId id="283" r:id="rId19"/>
    <p:sldId id="284" r:id="rId20"/>
    <p:sldId id="285" r:id="rId21"/>
    <p:sldId id="279" r:id="rId22"/>
    <p:sldId id="287" r:id="rId23"/>
    <p:sldId id="263" r:id="rId24"/>
    <p:sldId id="366" r:id="rId25"/>
  </p:sldIdLst>
  <p:sldSz cx="12192000" cy="6858000"/>
  <p:notesSz cx="6858000" cy="9144000"/>
  <p:custDataLst>
    <p:tags r:id="rId2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12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</p188:authorLst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Carmen Cheung" initials="CC" lastIdx="2" clrIdx="0">
    <p:extLst>
      <p:ext uri="{19B8F6BF-5375-455C-9EA6-DF929625EA0E}">
        <p15:presenceInfo xmlns:p15="http://schemas.microsoft.com/office/powerpoint/2012/main" userId="S::sintingc@hku.hk::3cffd5d2-6e65-44c2-9b24-51bfed1f6c94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33CC33"/>
    <a:srgbClr val="00803B"/>
    <a:srgbClr val="7961AA"/>
    <a:srgbClr val="634993"/>
    <a:srgbClr val="4663A7"/>
    <a:srgbClr val="FFFFFF"/>
    <a:srgbClr val="B1A3CF"/>
    <a:srgbClr val="90CE9C"/>
    <a:srgbClr val="95BFE5"/>
    <a:srgbClr val="0091D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D3936A29-B0EA-46E0-A7D5-D4B41598CEBF}" v="1" dt="2025-10-14T01:29:54.413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8025" autoAdjust="0"/>
    <p:restoredTop sz="94660"/>
  </p:normalViewPr>
  <p:slideViewPr>
    <p:cSldViewPr snapToGrid="0" showGuides="1">
      <p:cViewPr varScale="1">
        <p:scale>
          <a:sx n="138" d="100"/>
          <a:sy n="138" d="100"/>
        </p:scale>
        <p:origin x="138" y="588"/>
      </p:cViewPr>
      <p:guideLst>
        <p:guide orient="horz" pos="2112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-6632"/>
    </p:cViewPr>
  </p:sorterViewPr>
  <p:notesViewPr>
    <p:cSldViewPr snapToGrid="0" showGuides="1">
      <p:cViewPr varScale="1">
        <p:scale>
          <a:sx n="54" d="100"/>
          <a:sy n="54" d="100"/>
        </p:scale>
        <p:origin x="2564" y="24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21" Type="http://schemas.openxmlformats.org/officeDocument/2006/relationships/slide" Target="slides/slide17.xml"/><Relationship Id="rId34" Type="http://schemas.microsoft.com/office/2015/10/relationships/revisionInfo" Target="revisionInfo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tableStyles" Target="tableStyles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slide" Target="slides/slide16.xml"/><Relationship Id="rId29" Type="http://schemas.openxmlformats.org/officeDocument/2006/relationships/commentAuthors" Target="commentAuthor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theme" Target="theme/theme1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tags" Target="tags/tag1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31" Type="http://schemas.openxmlformats.org/officeDocument/2006/relationships/viewProps" Target="view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handoutMaster" Target="handoutMasters/handoutMaster1.xml"/><Relationship Id="rId30" Type="http://schemas.openxmlformats.org/officeDocument/2006/relationships/presProps" Target="presProps.xml"/><Relationship Id="rId35" Type="http://schemas.microsoft.com/office/2018/10/relationships/authors" Target="authors.xml"/><Relationship Id="rId8" Type="http://schemas.openxmlformats.org/officeDocument/2006/relationships/slide" Target="slides/slide4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B9F03CD8-4E55-B584-59A7-7634B61DDF20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386FD374-84E2-00FA-0C21-24FA5785731A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endParaRPr lang="en-HK" dirty="0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636346B7-9D3F-8006-AA6B-0B999DC79677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A8363C06-8FCD-DAB3-9647-DEB7800D8070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endParaRPr lang="en-HK" dirty="0"/>
          </a:p>
        </p:txBody>
      </p:sp>
    </p:spTree>
    <p:extLst>
      <p:ext uri="{BB962C8B-B14F-4D97-AF65-F5344CB8AC3E}">
        <p14:creationId xmlns:p14="http://schemas.microsoft.com/office/powerpoint/2010/main" val="2081550317"/>
      </p:ext>
    </p:extLst>
  </p:cSld>
  <p:clrMap bg1="lt1" tx1="dk1" bg2="lt2" tx2="dk2" accent1="accent1" accent2="accent2" accent3="accent3" accent4="accent4" accent5="accent5" accent6="accent6" hlink="hlink" folHlink="folHlink"/>
  <p:extLst>
    <p:ext uri="{56416CCD-93CA-4268-BC5B-53C4BB910035}">
      <p15:sldGuideLst xmlns:p15="http://schemas.microsoft.com/office/powerpoint/2012/main">
        <p15:guide id="1" orient="horz" pos="2880" userDrawn="1">
          <p15:clr>
            <a:srgbClr val="F26B43"/>
          </p15:clr>
        </p15:guide>
        <p15:guide id="2" pos="2160" userDrawn="1">
          <p15:clr>
            <a:srgbClr val="F26B43"/>
          </p15:clr>
        </p15:guide>
      </p15:sldGuideLst>
    </p:ext>
  </p:extLst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4FA02F1-6D9A-4DAB-AAD9-9704A7AE43E7}" type="datetimeFigureOut">
              <a:rPr lang="en-HK" smtClean="0"/>
              <a:t>14/10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362A35C6-868C-4C44-A9DF-14B3536FE507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96443414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92422440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75307106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602162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55362299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6272650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28240277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4196546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548689097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288344393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75674457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1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8711276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7778186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2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327487348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2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89779355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7784990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59916312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0800080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51282315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44995378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57159600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362A35C6-868C-4C44-A9DF-14B3536FE507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92117025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7" Type="http://schemas.openxmlformats.org/officeDocument/2006/relationships/image" Target="../media/image7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7" Type="http://schemas.openxmlformats.org/officeDocument/2006/relationships/image" Target="../media/image7.sv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7" Type="http://schemas.openxmlformats.org/officeDocument/2006/relationships/image" Target="../media/image7.sv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7" Type="http://schemas.openxmlformats.org/officeDocument/2006/relationships/image" Target="../media/image7.svg"/><Relationship Id="rId2" Type="http://schemas.openxmlformats.org/officeDocument/2006/relationships/image" Target="../media/image2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svg"/><Relationship Id="rId7" Type="http://schemas.openxmlformats.org/officeDocument/2006/relationships/image" Target="../media/image7.sv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7" Type="http://schemas.openxmlformats.org/officeDocument/2006/relationships/image" Target="../media/image7.sv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7" Type="http://schemas.openxmlformats.org/officeDocument/2006/relationships/image" Target="../media/image7.sv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7" Type="http://schemas.openxmlformats.org/officeDocument/2006/relationships/image" Target="../media/image7.sv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7" Type="http://schemas.openxmlformats.org/officeDocument/2006/relationships/image" Target="../media/image7.sv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7" Type="http://schemas.openxmlformats.org/officeDocument/2006/relationships/image" Target="../media/image7.sv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7" Type="http://schemas.openxmlformats.org/officeDocument/2006/relationships/image" Target="../media/image7.sv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7" Type="http://schemas.openxmlformats.org/officeDocument/2006/relationships/image" Target="../media/image7.sv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E5CEF8CF-D578-E21E-0351-98B2740BD4F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C8F3909-3A9D-8837-CDC3-3607C5D747B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7B699779-6258-DB92-E138-0978F71E62A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B23BE9EC-4040-34E5-7895-4DF59323331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0C2DB5FD-8123-612D-0C89-E34ABAE17D8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7" name="Rectangle 6">
                <a:extLst>
                  <a:ext uri="{FF2B5EF4-FFF2-40B4-BE49-F238E27FC236}">
                    <a16:creationId xmlns:a16="http://schemas.microsoft.com/office/drawing/2014/main" id="{748DD87F-EAC1-68DE-93E9-5F6B7F4425FE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8" name="Graphic 7">
            <a:extLst>
              <a:ext uri="{FF2B5EF4-FFF2-40B4-BE49-F238E27FC236}">
                <a16:creationId xmlns:a16="http://schemas.microsoft.com/office/drawing/2014/main" id="{EB1EBC88-DEF9-76B2-7B1F-F868AE280656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973495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F2154122-EBCC-0AF2-2ABB-E39FD7FA802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7565A6FA-44AB-63E7-4B9C-183EF7211E4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C6BFE055-E69E-D78A-30B7-85B495F1EB99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4813C5E9-DEB5-1E69-94A6-33AA4BEDECFE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FC4708F5-85C4-C6AA-2361-068890F10092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58C209E9-8599-BDC8-E69A-8B8612B64B69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C5DEB804-8BF9-8D81-75B5-48BF664BF12E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71939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FA59E1F8-9CA9-445F-DB2D-41EE966150F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A360F1F9-1D43-D1E5-4C5D-F00E7A9E183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5B2DD0F8-0389-D26E-ACD3-371E9DF0C2D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AC1FBFCC-6AFF-10C8-9F1A-57A84D533025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5BA8B3D1-B558-75D4-08C8-E69C029DCAE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5F9594EE-3EF8-7CD9-3F7C-4DC1527B21C1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A97A5A9A-6871-A083-CB61-8F6DEAF6AF24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2571871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F5B6BEA-58ED-932F-6509-1A3254FB184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96A7A550-A01F-62F3-BE63-47A367E7E49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835E5FE7-20F4-30B5-F0AA-D9EE5878229E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8" name="Graphic 7">
                <a:extLst>
                  <a:ext uri="{FF2B5EF4-FFF2-40B4-BE49-F238E27FC236}">
                    <a16:creationId xmlns:a16="http://schemas.microsoft.com/office/drawing/2014/main" id="{E81FA90F-C56F-AC09-4127-36922002EE4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9" name="Rectangle: Rounded Corners 8">
                <a:extLst>
                  <a:ext uri="{FF2B5EF4-FFF2-40B4-BE49-F238E27FC236}">
                    <a16:creationId xmlns:a16="http://schemas.microsoft.com/office/drawing/2014/main" id="{D35C5E95-9680-1E9D-9027-0D8BF9F0021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0" name="Rectangle 9">
                <a:extLst>
                  <a:ext uri="{FF2B5EF4-FFF2-40B4-BE49-F238E27FC236}">
                    <a16:creationId xmlns:a16="http://schemas.microsoft.com/office/drawing/2014/main" id="{BB04BA91-0D4D-2A96-C075-13720A0DCE6C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F515860F-7B06-02A6-5FCF-61CB776B4363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1851455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F18DFAD9-D7CC-29B5-BF5F-E0CBEC690F4F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AD39F93A-2CAA-AE0E-309B-CA9897D8BFAB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F6A39367-C0D5-C23A-471C-BB9061300C25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33043297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9991059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19859742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8">
            <a:extLst>
              <a:ext uri="{FF2B5EF4-FFF2-40B4-BE49-F238E27FC236}">
                <a16:creationId xmlns:a16="http://schemas.microsoft.com/office/drawing/2014/main" id="{544B7516-0C83-C7CD-9D01-CBCEB148B84F}"/>
              </a:ext>
            </a:extLst>
          </p:cNvPr>
          <p:cNvSpPr/>
          <p:nvPr userDrawn="1"/>
        </p:nvSpPr>
        <p:spPr>
          <a:xfrm>
            <a:off x="0" y="-26988"/>
            <a:ext cx="12192000" cy="1208088"/>
          </a:xfrm>
          <a:prstGeom prst="rect">
            <a:avLst/>
          </a:prstGeom>
          <a:solidFill>
            <a:srgbClr val="00A4B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altLang="zh-HK" sz="32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新細明體" panose="02020500000000000000" pitchFamily="18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7752789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0FBF3B0-FF2A-9107-9BF0-A04C4746178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1FABDB45-E3CB-FCBE-800E-2243A7A99A5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C28C3236-933A-6B6A-95ED-618AE27287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9FF33B36-EF55-C17E-186A-8CBA7BC09AE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46613115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60122503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90714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B8A33D4-AF13-28D7-770C-2FBF0A02935F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0C89D702-0C85-112A-4DC8-167703C55CE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61E5EF1F-8B48-3EDA-D272-76E7C504209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B818B27-4D9A-216F-0121-BE827DE31F3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71EE0CF3-C468-5B89-BAEA-485A2DCAB151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2AB38D48-9520-DCF4-9472-3D565265FEE3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1181007C-8EDB-62DB-A39E-3915D40EF2AE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65DB01A9-2309-934B-862E-DA6BCAAF332B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CD4A044E-5A93-14D1-5DFA-4CC729724BB9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776172D3-81E6-1879-7F5A-C75C731E5834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pic>
        <p:nvPicPr>
          <p:cNvPr id="22" name="Graphic 21">
            <a:extLst>
              <a:ext uri="{FF2B5EF4-FFF2-40B4-BE49-F238E27FC236}">
                <a16:creationId xmlns:a16="http://schemas.microsoft.com/office/drawing/2014/main" id="{2CD6B676-F1F9-7D36-26EA-F6DEBA1B3538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90389497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51034212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72448527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171334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69477217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32096933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839754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41286839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2305880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853A50D4-A497-EFC6-9330-51CD1F483AF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AAEAB863-A42D-79FD-0E04-45F84045428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7B5B1D4B-ADA6-BD32-01F5-8C9F37256220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2BF7D325-C812-1B0B-3C75-A7E479FCF3F7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939209C8-693A-7F07-39B2-61D4D56F330F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485E3776-7C8E-6329-4783-38EA57456F40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67A4F57D-CA74-C3B1-B57C-9770CF6F47AD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6728707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15CD5D9-391B-B207-876C-C7AF84ED0064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B4D3D7A7-C814-DAFE-6327-C6695E83FFD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0BA9CE83-1C52-103E-79A3-E195CB109E2F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4F165C40-6956-635D-7D2C-6820E0FF9FF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61D9F563-FA34-BC0E-7EB4-A41CC6453409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B512F478-2D80-03B8-ADC9-C4EBA594CC2D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C09F0CC5-76DE-6C93-D0D2-97BB9BBD02E0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1894688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20DF217-0C4F-F0A9-74C3-55462FE77CE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B90D7767-C9F1-5FB9-A13B-85FE03A9E45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3494E3C6-B65E-90BC-E6EA-11D377DB695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5" name="Graphic 4">
                <a:extLst>
                  <a:ext uri="{FF2B5EF4-FFF2-40B4-BE49-F238E27FC236}">
                    <a16:creationId xmlns:a16="http://schemas.microsoft.com/office/drawing/2014/main" id="{99C1E154-A93F-9055-714B-8A1BCFB23622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E61BEA69-624C-CF1D-0F68-2BA52CE6402D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695F2AB5-4A01-4E7A-5DAF-FDB8D0E3DD6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C92D62B3-E1B1-B607-4075-4D1CB348F4DE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772470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B8EAC136-A929-EC0C-2258-CED8E9808D0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B969129E-D705-00BE-F392-24AD958316C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96B2916D-125B-C113-B56D-07D2B1090235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1C0789F4-BB34-E984-2454-38C8295780F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DDC92C39-1104-4ACB-35B7-CD5D25437E46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C5A49506-B69E-7947-A78E-553B3D5588A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35F5CD8F-E41F-755A-73FC-0EA35D28C6AD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1936251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6A432370-C7A1-BEE2-3BE0-6A968D8E3191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A48ADA97-ADE5-8132-1451-A5D9201BFE7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6" name="Group 5">
              <a:extLst>
                <a:ext uri="{FF2B5EF4-FFF2-40B4-BE49-F238E27FC236}">
                  <a16:creationId xmlns:a16="http://schemas.microsoft.com/office/drawing/2014/main" id="{E73E5BB4-1CA0-D3E1-69D5-8E59C551E7D4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7" name="Graphic 6">
                <a:extLst>
                  <a:ext uri="{FF2B5EF4-FFF2-40B4-BE49-F238E27FC236}">
                    <a16:creationId xmlns:a16="http://schemas.microsoft.com/office/drawing/2014/main" id="{4324896E-568A-4FDB-36AC-616D770D27C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8" name="Rectangle: Rounded Corners 7">
                <a:extLst>
                  <a:ext uri="{FF2B5EF4-FFF2-40B4-BE49-F238E27FC236}">
                    <a16:creationId xmlns:a16="http://schemas.microsoft.com/office/drawing/2014/main" id="{483BFE5D-5828-9DEA-5933-37254703FC01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920FCE1E-85FD-6EAB-28F5-5E064F35AE6A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0" name="Graphic 9">
            <a:extLst>
              <a:ext uri="{FF2B5EF4-FFF2-40B4-BE49-F238E27FC236}">
                <a16:creationId xmlns:a16="http://schemas.microsoft.com/office/drawing/2014/main" id="{B1CC5633-2949-80F0-2FC2-BAE8CB9ABBDF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013587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E6FF6AF-F535-B40B-97AC-CE9A3A80328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D88CD483-A2F8-7162-D56E-2765A0EDF66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EA2F2492-10C0-05D5-12D4-B6A571C1DB87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90B63051-8870-AE64-0029-6DA30753DA54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2279B9B3-9107-5C24-CB2D-4A9F2D1C556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3C36F1F6-7C46-B764-6FAC-3016DD7E48F3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F9B5CA9F-95AF-2074-196C-80D97777B1D6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8225447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8FA3E604-77A6-0BD8-BCDA-1EA316A92ECB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74DFC23A-577B-06AF-DE31-18D2AC04F901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grpSp>
          <p:nvGrpSpPr>
            <p:cNvPr id="8" name="Group 7">
              <a:extLst>
                <a:ext uri="{FF2B5EF4-FFF2-40B4-BE49-F238E27FC236}">
                  <a16:creationId xmlns:a16="http://schemas.microsoft.com/office/drawing/2014/main" id="{8190AD62-9B9D-B4E4-2173-DEA78C3BD106}"/>
                </a:ext>
              </a:extLst>
            </p:cNvPr>
            <p:cNvGrpSpPr/>
            <p:nvPr userDrawn="1"/>
          </p:nvGrpSpPr>
          <p:grpSpPr>
            <a:xfrm>
              <a:off x="3158571" y="2651574"/>
              <a:ext cx="3503595" cy="584234"/>
              <a:chOff x="3158571" y="2651574"/>
              <a:chExt cx="3503595" cy="584234"/>
            </a:xfrm>
            <a:effectLst>
              <a:outerShdw blurRad="63500" dist="38100" algn="l" rotWithShape="0">
                <a:schemeClr val="bg1">
                  <a:alpha val="70000"/>
                </a:schemeClr>
              </a:outerShdw>
            </a:effectLst>
          </p:grpSpPr>
          <p:pic>
            <p:nvPicPr>
              <p:cNvPr id="9" name="Graphic 8">
                <a:extLst>
                  <a:ext uri="{FF2B5EF4-FFF2-40B4-BE49-F238E27FC236}">
                    <a16:creationId xmlns:a16="http://schemas.microsoft.com/office/drawing/2014/main" id="{09067086-0593-1F38-6603-9CBE5AE5C266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5"/>
                  </a:ext>
                </a:extLst>
              </a:blip>
              <a:stretch>
                <a:fillRect/>
              </a:stretch>
            </p:blipFill>
            <p:spPr>
              <a:xfrm>
                <a:off x="4286624" y="2651574"/>
                <a:ext cx="2375542" cy="584234"/>
              </a:xfrm>
              <a:prstGeom prst="rect">
                <a:avLst/>
              </a:prstGeom>
              <a:effectLst/>
            </p:spPr>
          </p:pic>
          <p:sp>
            <p:nvSpPr>
              <p:cNvPr id="10" name="Rectangle: Rounded Corners 9">
                <a:extLst>
                  <a:ext uri="{FF2B5EF4-FFF2-40B4-BE49-F238E27FC236}">
                    <a16:creationId xmlns:a16="http://schemas.microsoft.com/office/drawing/2014/main" id="{A5B08A86-2BD2-51C6-003F-E6083BEF2C35}"/>
                  </a:ext>
                </a:extLst>
              </p:cNvPr>
              <p:cNvSpPr/>
              <p:nvPr userDrawn="1"/>
            </p:nvSpPr>
            <p:spPr>
              <a:xfrm>
                <a:off x="3158571" y="2651574"/>
                <a:ext cx="1554496" cy="582655"/>
              </a:xfrm>
              <a:prstGeom prst="roundRect">
                <a:avLst>
                  <a:gd name="adj" fmla="val 37869"/>
                </a:avLst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1" name="Rectangle 10">
                <a:extLst>
                  <a:ext uri="{FF2B5EF4-FFF2-40B4-BE49-F238E27FC236}">
                    <a16:creationId xmlns:a16="http://schemas.microsoft.com/office/drawing/2014/main" id="{D4809775-DE8D-75BE-7127-07215F7752D6}"/>
                  </a:ext>
                </a:extLst>
              </p:cNvPr>
              <p:cNvSpPr/>
              <p:nvPr userDrawn="1"/>
            </p:nvSpPr>
            <p:spPr>
              <a:xfrm>
                <a:off x="3158571" y="2927126"/>
                <a:ext cx="968934" cy="308682"/>
              </a:xfrm>
              <a:prstGeom prst="rect">
                <a:avLst/>
              </a:prstGeom>
              <a:solidFill>
                <a:srgbClr val="00A4B7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pic>
        <p:nvPicPr>
          <p:cNvPr id="12" name="Graphic 11">
            <a:extLst>
              <a:ext uri="{FF2B5EF4-FFF2-40B4-BE49-F238E27FC236}">
                <a16:creationId xmlns:a16="http://schemas.microsoft.com/office/drawing/2014/main" id="{3135F32A-F45A-494B-03E3-9F96A3ACEDCF}"/>
              </a:ext>
            </a:extLst>
          </p:cNvPr>
          <p:cNvPicPr>
            <a:picLocks noChangeAspect="1"/>
          </p:cNvPicPr>
          <p:nvPr userDrawn="1"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3595519" y="2770196"/>
            <a:ext cx="2448000" cy="4151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36451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0/14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28575382-DB00-4E13-EB2D-815A8BECC485}"/>
              </a:ext>
            </a:extLst>
          </p:cNvPr>
          <p:cNvPicPr>
            <a:picLocks noChangeAspect="1"/>
          </p:cNvPicPr>
          <p:nvPr userDrawn="1"/>
        </p:nvPicPr>
        <p:blipFill>
          <a:blip r:embed="rId2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2941223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0" r:id="rId1"/>
    <p:sldLayoutId id="2147483701" r:id="rId2"/>
    <p:sldLayoutId id="2147483702" r:id="rId3"/>
    <p:sldLayoutId id="2147483703" r:id="rId4"/>
    <p:sldLayoutId id="2147483704" r:id="rId5"/>
    <p:sldLayoutId id="2147483705" r:id="rId6"/>
    <p:sldLayoutId id="2147483706" r:id="rId7"/>
    <p:sldLayoutId id="2147483707" r:id="rId8"/>
    <p:sldLayoutId id="2147483708" r:id="rId9"/>
    <p:sldLayoutId id="2147483709" r:id="rId10"/>
    <p:sldLayoutId id="2147483710" r:id="rId11"/>
    <p:sldLayoutId id="2147483711" r:id="rId12"/>
    <p:sldLayoutId id="2147483712" r:id="rId13"/>
    <p:sldLayoutId id="2147483713" r:id="rId14"/>
    <p:sldLayoutId id="2147483714" r:id="rId15"/>
    <p:sldLayoutId id="2147483715" r:id="rId16"/>
    <p:sldLayoutId id="2147483716" r:id="rId17"/>
    <p:sldLayoutId id="2147483717" r:id="rId18"/>
    <p:sldLayoutId id="2147483718" r:id="rId19"/>
    <p:sldLayoutId id="2147483719" r:id="rId20"/>
    <p:sldLayoutId id="2147483720" r:id="rId21"/>
    <p:sldLayoutId id="2147483721" r:id="rId22"/>
    <p:sldLayoutId id="2147483722" r:id="rId23"/>
    <p:sldLayoutId id="2147483723" r:id="rId24"/>
    <p:sldLayoutId id="2147483724" r:id="rId25"/>
    <p:sldLayoutId id="2147483725" r:id="rId26"/>
    <p:sldLayoutId id="2147483726" r:id="rId27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1.xml"/><Relationship Id="rId5" Type="http://schemas.openxmlformats.org/officeDocument/2006/relationships/image" Target="../media/image36.jpeg"/><Relationship Id="rId4" Type="http://schemas.openxmlformats.org/officeDocument/2006/relationships/image" Target="../media/image35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2.xml"/><Relationship Id="rId5" Type="http://schemas.openxmlformats.org/officeDocument/2006/relationships/image" Target="../media/image38.png"/><Relationship Id="rId4" Type="http://schemas.openxmlformats.org/officeDocument/2006/relationships/image" Target="../media/image37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3.xml"/><Relationship Id="rId4" Type="http://schemas.openxmlformats.org/officeDocument/2006/relationships/image" Target="../media/image39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4.xml"/><Relationship Id="rId5" Type="http://schemas.openxmlformats.org/officeDocument/2006/relationships/image" Target="../media/image40.png"/><Relationship Id="rId4" Type="http://schemas.openxmlformats.org/officeDocument/2006/relationships/image" Target="../media/image39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15.xml"/><Relationship Id="rId4" Type="http://schemas.openxmlformats.org/officeDocument/2006/relationships/image" Target="../media/image40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16.xml"/><Relationship Id="rId4" Type="http://schemas.openxmlformats.org/officeDocument/2006/relationships/image" Target="../media/image30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7.xml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8.xml"/><Relationship Id="rId4" Type="http://schemas.openxmlformats.org/officeDocument/2006/relationships/image" Target="../media/image34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19.xml"/><Relationship Id="rId4" Type="http://schemas.openxmlformats.org/officeDocument/2006/relationships/image" Target="../media/image30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20.xml"/><Relationship Id="rId4" Type="http://schemas.openxmlformats.org/officeDocument/2006/relationships/image" Target="../media/image30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3.xml"/><Relationship Id="rId4" Type="http://schemas.openxmlformats.org/officeDocument/2006/relationships/image" Target="../media/image30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4.xml"/><Relationship Id="rId4" Type="http://schemas.openxmlformats.org/officeDocument/2006/relationships/image" Target="../media/image30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3.xml"/><Relationship Id="rId1" Type="http://schemas.openxmlformats.org/officeDocument/2006/relationships/tags" Target="../tags/tag5.xml"/><Relationship Id="rId4" Type="http://schemas.openxmlformats.org/officeDocument/2006/relationships/image" Target="../media/image30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6.xml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7.xml"/><Relationship Id="rId4" Type="http://schemas.openxmlformats.org/officeDocument/2006/relationships/image" Target="../media/image33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8.xml"/><Relationship Id="rId4" Type="http://schemas.openxmlformats.org/officeDocument/2006/relationships/image" Target="../media/image34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0.xml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02B5BC0A-8E04-79F9-AA16-931DA34D2E06}"/>
              </a:ext>
            </a:extLst>
          </p:cNvPr>
          <p:cNvSpPr txBox="1"/>
          <p:nvPr/>
        </p:nvSpPr>
        <p:spPr>
          <a:xfrm>
            <a:off x="3048000" y="3664147"/>
            <a:ext cx="6096000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dentify opinions</a:t>
            </a:r>
          </a:p>
        </p:txBody>
      </p:sp>
      <p:sp>
        <p:nvSpPr>
          <p:cNvPr id="3" name="TextBox 3">
            <a:extLst>
              <a:ext uri="{FF2B5EF4-FFF2-40B4-BE49-F238E27FC236}">
                <a16:creationId xmlns:a16="http://schemas.microsoft.com/office/drawing/2014/main" id="{39CA15A0-9521-B8ED-78F9-66E6EB0C8926}"/>
              </a:ext>
            </a:extLst>
          </p:cNvPr>
          <p:cNvSpPr txBox="1"/>
          <p:nvPr/>
        </p:nvSpPr>
        <p:spPr>
          <a:xfrm>
            <a:off x="9144000" y="469072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6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1325771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Rectangle 23">
            <a:extLst>
              <a:ext uri="{FF2B5EF4-FFF2-40B4-BE49-F238E27FC236}">
                <a16:creationId xmlns:a16="http://schemas.microsoft.com/office/drawing/2014/main" id="{FA040683-67B7-4ED1-A20B-0B241C9783A0}"/>
              </a:ext>
            </a:extLst>
          </p:cNvPr>
          <p:cNvSpPr/>
          <p:nvPr/>
        </p:nvSpPr>
        <p:spPr>
          <a:xfrm>
            <a:off x="1801504" y="2725329"/>
            <a:ext cx="2715905" cy="510244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5" name="Oval 14">
            <a:extLst>
              <a:ext uri="{FF2B5EF4-FFF2-40B4-BE49-F238E27FC236}">
                <a16:creationId xmlns:a16="http://schemas.microsoft.com/office/drawing/2014/main" id="{0FC9AB1C-D0BB-4D45-BC16-2B9467CFDFD4}"/>
              </a:ext>
            </a:extLst>
          </p:cNvPr>
          <p:cNvSpPr/>
          <p:nvPr/>
        </p:nvSpPr>
        <p:spPr>
          <a:xfrm>
            <a:off x="2720943" y="2639058"/>
            <a:ext cx="936656" cy="716836"/>
          </a:xfrm>
          <a:custGeom>
            <a:avLst/>
            <a:gdLst>
              <a:gd name="connsiteX0" fmla="*/ 0 w 936656"/>
              <a:gd name="connsiteY0" fmla="*/ 358418 h 716836"/>
              <a:gd name="connsiteX1" fmla="*/ 468328 w 936656"/>
              <a:gd name="connsiteY1" fmla="*/ 0 h 716836"/>
              <a:gd name="connsiteX2" fmla="*/ 936656 w 936656"/>
              <a:gd name="connsiteY2" fmla="*/ 358418 h 716836"/>
              <a:gd name="connsiteX3" fmla="*/ 468328 w 936656"/>
              <a:gd name="connsiteY3" fmla="*/ 716836 h 716836"/>
              <a:gd name="connsiteX4" fmla="*/ 0 w 936656"/>
              <a:gd name="connsiteY4" fmla="*/ 358418 h 7168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36656" h="716836" extrusionOk="0">
                <a:moveTo>
                  <a:pt x="0" y="358418"/>
                </a:moveTo>
                <a:cubicBezTo>
                  <a:pt x="-30935" y="124091"/>
                  <a:pt x="255657" y="-16694"/>
                  <a:pt x="468328" y="0"/>
                </a:cubicBezTo>
                <a:cubicBezTo>
                  <a:pt x="707290" y="11062"/>
                  <a:pt x="978519" y="147977"/>
                  <a:pt x="936656" y="358418"/>
                </a:cubicBezTo>
                <a:cubicBezTo>
                  <a:pt x="916651" y="516482"/>
                  <a:pt x="707698" y="776827"/>
                  <a:pt x="468328" y="716836"/>
                </a:cubicBezTo>
                <a:cubicBezTo>
                  <a:pt x="226787" y="693234"/>
                  <a:pt x="44074" y="552740"/>
                  <a:pt x="0" y="358418"/>
                </a:cubicBezTo>
                <a:close/>
              </a:path>
            </a:pathLst>
          </a:custGeom>
          <a:noFill/>
          <a:ln w="76200">
            <a:solidFill>
              <a:schemeClr val="accent2"/>
            </a:solidFill>
            <a:extLst>
              <a:ext uri="{C807C97D-BFC1-408E-A445-0C87EB9F89A2}">
                <ask:lineSketchStyleProps xmlns:ask="http://schemas.microsoft.com/office/drawing/2018/sketchyshapes" sd="879248734">
                  <a:prstGeom prst="ellipse">
                    <a:avLst/>
                  </a:prstGeom>
                  <ask:type>
                    <ask:lineSketchFreehan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75DD6A4C-4A52-68C4-4C39-E60F5EB05D79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Can you find more examples in the magazine article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9FF80B99-28FE-4330-806D-8F131FD3355F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295215" y="2215086"/>
            <a:ext cx="8609240" cy="1020487"/>
          </a:xfrm>
          <a:prstGeom prst="rect">
            <a:avLst/>
          </a:prstGeom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CF879745-7F75-4A05-AEE1-62BB0E87D5C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6810"/>
          <a:stretch/>
        </p:blipFill>
        <p:spPr>
          <a:xfrm>
            <a:off x="6932598" y="3712190"/>
            <a:ext cx="4213253" cy="2725936"/>
          </a:xfrm>
          <a:prstGeom prst="roundRect">
            <a:avLst/>
          </a:prstGeom>
        </p:spPr>
      </p:pic>
      <p:sp>
        <p:nvSpPr>
          <p:cNvPr id="17" name="TextBox 16">
            <a:extLst>
              <a:ext uri="{FF2B5EF4-FFF2-40B4-BE49-F238E27FC236}">
                <a16:creationId xmlns:a16="http://schemas.microsoft.com/office/drawing/2014/main" id="{6A2203A1-FAF5-47CF-98CD-A8083B1F777F}"/>
              </a:ext>
            </a:extLst>
          </p:cNvPr>
          <p:cNvSpPr txBox="1"/>
          <p:nvPr/>
        </p:nvSpPr>
        <p:spPr>
          <a:xfrm>
            <a:off x="2204300" y="3696557"/>
            <a:ext cx="2005847" cy="58477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/>
              <a:t>an opinion</a:t>
            </a:r>
          </a:p>
        </p:txBody>
      </p:sp>
      <p:sp>
        <p:nvSpPr>
          <p:cNvPr id="22" name="Arrow: Down 21">
            <a:extLst>
              <a:ext uri="{FF2B5EF4-FFF2-40B4-BE49-F238E27FC236}">
                <a16:creationId xmlns:a16="http://schemas.microsoft.com/office/drawing/2014/main" id="{D3985B27-421B-4B8A-9648-95CB16D8475E}"/>
              </a:ext>
            </a:extLst>
          </p:cNvPr>
          <p:cNvSpPr/>
          <p:nvPr/>
        </p:nvSpPr>
        <p:spPr>
          <a:xfrm>
            <a:off x="3098042" y="3374408"/>
            <a:ext cx="218364" cy="337782"/>
          </a:xfrm>
          <a:prstGeom prst="downArrow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2CEC3540-5440-40AC-AF25-EF584431584A}"/>
              </a:ext>
            </a:extLst>
          </p:cNvPr>
          <p:cNvSpPr txBox="1"/>
          <p:nvPr/>
        </p:nvSpPr>
        <p:spPr>
          <a:xfrm>
            <a:off x="2023374" y="3658693"/>
            <a:ext cx="2367700" cy="58477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>
                <a:solidFill>
                  <a:schemeClr val="accent2"/>
                </a:solidFill>
              </a:rPr>
              <a:t>an adjective</a:t>
            </a:r>
          </a:p>
        </p:txBody>
      </p:sp>
      <p:sp>
        <p:nvSpPr>
          <p:cNvPr id="25" name="Arrow: Down 24">
            <a:extLst>
              <a:ext uri="{FF2B5EF4-FFF2-40B4-BE49-F238E27FC236}">
                <a16:creationId xmlns:a16="http://schemas.microsoft.com/office/drawing/2014/main" id="{5B5B3E46-2A37-49A3-B838-D4D34D78DB05}"/>
              </a:ext>
            </a:extLst>
          </p:cNvPr>
          <p:cNvSpPr/>
          <p:nvPr/>
        </p:nvSpPr>
        <p:spPr>
          <a:xfrm>
            <a:off x="3098042" y="3227829"/>
            <a:ext cx="218364" cy="412349"/>
          </a:xfrm>
          <a:prstGeom prst="downArrow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482102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5" dur="75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750"/>
                            </p:stCondLst>
                            <p:childTnLst>
                              <p:par>
                                <p:cTn id="1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250"/>
                            </p:stCondLst>
                            <p:childTnLst>
                              <p:par>
                                <p:cTn id="21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3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15" grpId="0" animBg="1"/>
      <p:bldP spid="15" grpId="1" animBg="1"/>
      <p:bldP spid="17" grpId="0" animBg="1"/>
      <p:bldP spid="22" grpId="0" animBg="1"/>
      <p:bldP spid="22" grpId="1" animBg="1"/>
      <p:bldP spid="23" grpId="0"/>
      <p:bldP spid="23" grpId="1"/>
      <p:bldP spid="25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ectangle 17">
            <a:extLst>
              <a:ext uri="{FF2B5EF4-FFF2-40B4-BE49-F238E27FC236}">
                <a16:creationId xmlns:a16="http://schemas.microsoft.com/office/drawing/2014/main" id="{B41B466A-732C-4AD6-8819-C20B6E92F626}"/>
              </a:ext>
            </a:extLst>
          </p:cNvPr>
          <p:cNvSpPr/>
          <p:nvPr/>
        </p:nvSpPr>
        <p:spPr>
          <a:xfrm>
            <a:off x="1913165" y="3888259"/>
            <a:ext cx="2772000" cy="510244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6" name="Oval 15">
            <a:extLst>
              <a:ext uri="{FF2B5EF4-FFF2-40B4-BE49-F238E27FC236}">
                <a16:creationId xmlns:a16="http://schemas.microsoft.com/office/drawing/2014/main" id="{1CCEEEF3-ECE1-4355-94CD-696E2E123AA5}"/>
              </a:ext>
            </a:extLst>
          </p:cNvPr>
          <p:cNvSpPr/>
          <p:nvPr/>
        </p:nvSpPr>
        <p:spPr>
          <a:xfrm>
            <a:off x="4028647" y="3846319"/>
            <a:ext cx="633674" cy="628069"/>
          </a:xfrm>
          <a:custGeom>
            <a:avLst/>
            <a:gdLst>
              <a:gd name="connsiteX0" fmla="*/ 0 w 633674"/>
              <a:gd name="connsiteY0" fmla="*/ 314035 h 628069"/>
              <a:gd name="connsiteX1" fmla="*/ 316837 w 633674"/>
              <a:gd name="connsiteY1" fmla="*/ 0 h 628069"/>
              <a:gd name="connsiteX2" fmla="*/ 633674 w 633674"/>
              <a:gd name="connsiteY2" fmla="*/ 314035 h 628069"/>
              <a:gd name="connsiteX3" fmla="*/ 316837 w 633674"/>
              <a:gd name="connsiteY3" fmla="*/ 628070 h 628069"/>
              <a:gd name="connsiteX4" fmla="*/ 0 w 633674"/>
              <a:gd name="connsiteY4" fmla="*/ 314035 h 62806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3674" h="628069" extrusionOk="0">
                <a:moveTo>
                  <a:pt x="0" y="314035"/>
                </a:moveTo>
                <a:cubicBezTo>
                  <a:pt x="-16484" y="121214"/>
                  <a:pt x="154382" y="-4549"/>
                  <a:pt x="316837" y="0"/>
                </a:cubicBezTo>
                <a:cubicBezTo>
                  <a:pt x="484366" y="4189"/>
                  <a:pt x="664863" y="131291"/>
                  <a:pt x="633674" y="314035"/>
                </a:cubicBezTo>
                <a:cubicBezTo>
                  <a:pt x="623318" y="466825"/>
                  <a:pt x="486771" y="643784"/>
                  <a:pt x="316837" y="628070"/>
                </a:cubicBezTo>
                <a:cubicBezTo>
                  <a:pt x="145941" y="622430"/>
                  <a:pt x="31644" y="484868"/>
                  <a:pt x="0" y="314035"/>
                </a:cubicBezTo>
                <a:close/>
              </a:path>
            </a:pathLst>
          </a:custGeom>
          <a:noFill/>
          <a:ln w="76200">
            <a:solidFill>
              <a:schemeClr val="accent2"/>
            </a:solidFill>
            <a:extLst>
              <a:ext uri="{C807C97D-BFC1-408E-A445-0C87EB9F89A2}">
                <ask:lineSketchStyleProps xmlns:ask="http://schemas.microsoft.com/office/drawing/2018/sketchyshapes" sd="879248734">
                  <a:prstGeom prst="ellipse">
                    <a:avLst/>
                  </a:prstGeom>
                  <ask:type>
                    <ask:lineSketchFreehan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75DD6A4C-4A52-68C4-4C39-E60F5EB05D79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Can you find more examples in the magazine article?</a:t>
            </a:r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D94CCABA-EDC0-4D3B-8FBF-88B4B6C82597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19154" y="1695391"/>
            <a:ext cx="11553692" cy="2660477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1499E288-07B9-49D0-A496-38E3783E481D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8089905" y="3607085"/>
            <a:ext cx="3521278" cy="2918667"/>
          </a:xfrm>
          <a:prstGeom prst="rect">
            <a:avLst/>
          </a:prstGeom>
        </p:spPr>
      </p:pic>
      <p:sp>
        <p:nvSpPr>
          <p:cNvPr id="11" name="Arrow: Down 10">
            <a:extLst>
              <a:ext uri="{FF2B5EF4-FFF2-40B4-BE49-F238E27FC236}">
                <a16:creationId xmlns:a16="http://schemas.microsoft.com/office/drawing/2014/main" id="{0AC10A56-D304-4BB8-9B38-10EC1F10AF44}"/>
              </a:ext>
            </a:extLst>
          </p:cNvPr>
          <p:cNvSpPr/>
          <p:nvPr/>
        </p:nvSpPr>
        <p:spPr>
          <a:xfrm>
            <a:off x="4251724" y="4474388"/>
            <a:ext cx="218364" cy="337782"/>
          </a:xfrm>
          <a:prstGeom prst="downArrow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3082357B-FDBF-4149-A3C4-96552771B721}"/>
              </a:ext>
            </a:extLst>
          </p:cNvPr>
          <p:cNvSpPr txBox="1"/>
          <p:nvPr/>
        </p:nvSpPr>
        <p:spPr>
          <a:xfrm>
            <a:off x="3177056" y="4758673"/>
            <a:ext cx="2367700" cy="58477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>
                <a:solidFill>
                  <a:schemeClr val="accent2"/>
                </a:solidFill>
              </a:rPr>
              <a:t>an adjective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C7F98C77-32FB-47DA-9BDE-3049B8D88201}"/>
              </a:ext>
            </a:extLst>
          </p:cNvPr>
          <p:cNvSpPr txBox="1"/>
          <p:nvPr/>
        </p:nvSpPr>
        <p:spPr>
          <a:xfrm>
            <a:off x="2196002" y="4831853"/>
            <a:ext cx="2005847" cy="58477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/>
              <a:t>an opinion</a:t>
            </a:r>
          </a:p>
        </p:txBody>
      </p:sp>
      <p:sp>
        <p:nvSpPr>
          <p:cNvPr id="20" name="Arrow: Down 19">
            <a:extLst>
              <a:ext uri="{FF2B5EF4-FFF2-40B4-BE49-F238E27FC236}">
                <a16:creationId xmlns:a16="http://schemas.microsoft.com/office/drawing/2014/main" id="{CEA022AB-68EE-49A6-A04D-DDE03F8E8817}"/>
              </a:ext>
            </a:extLst>
          </p:cNvPr>
          <p:cNvSpPr/>
          <p:nvPr/>
        </p:nvSpPr>
        <p:spPr>
          <a:xfrm>
            <a:off x="3098042" y="4341729"/>
            <a:ext cx="218364" cy="412349"/>
          </a:xfrm>
          <a:prstGeom prst="downArrow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981854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5" dur="75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750"/>
                            </p:stCondLst>
                            <p:childTnLst>
                              <p:par>
                                <p:cTn id="1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250"/>
                            </p:stCondLst>
                            <p:childTnLst>
                              <p:par>
                                <p:cTn id="21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16" grpId="0" animBg="1"/>
      <p:bldP spid="16" grpId="1" animBg="1"/>
      <p:bldP spid="11" grpId="0" animBg="1"/>
      <p:bldP spid="11" grpId="1" animBg="1"/>
      <p:bldP spid="13" grpId="0"/>
      <p:bldP spid="13" grpId="1"/>
      <p:bldP spid="19" grpId="0" animBg="1"/>
      <p:bldP spid="20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Oval 15">
            <a:extLst>
              <a:ext uri="{FF2B5EF4-FFF2-40B4-BE49-F238E27FC236}">
                <a16:creationId xmlns:a16="http://schemas.microsoft.com/office/drawing/2014/main" id="{4E34177B-3646-41D4-9D3C-8BB5EA1401CD}"/>
              </a:ext>
            </a:extLst>
          </p:cNvPr>
          <p:cNvSpPr/>
          <p:nvPr/>
        </p:nvSpPr>
        <p:spPr>
          <a:xfrm>
            <a:off x="2316225" y="2965172"/>
            <a:ext cx="1191746" cy="628069"/>
          </a:xfrm>
          <a:custGeom>
            <a:avLst/>
            <a:gdLst>
              <a:gd name="connsiteX0" fmla="*/ 0 w 1191746"/>
              <a:gd name="connsiteY0" fmla="*/ 314035 h 628069"/>
              <a:gd name="connsiteX1" fmla="*/ 595873 w 1191746"/>
              <a:gd name="connsiteY1" fmla="*/ 0 h 628069"/>
              <a:gd name="connsiteX2" fmla="*/ 1191746 w 1191746"/>
              <a:gd name="connsiteY2" fmla="*/ 314035 h 628069"/>
              <a:gd name="connsiteX3" fmla="*/ 595873 w 1191746"/>
              <a:gd name="connsiteY3" fmla="*/ 628070 h 628069"/>
              <a:gd name="connsiteX4" fmla="*/ 0 w 1191746"/>
              <a:gd name="connsiteY4" fmla="*/ 314035 h 62806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91746" h="628069" extrusionOk="0">
                <a:moveTo>
                  <a:pt x="0" y="314035"/>
                </a:moveTo>
                <a:cubicBezTo>
                  <a:pt x="-18582" y="118747"/>
                  <a:pt x="308975" y="-15320"/>
                  <a:pt x="595873" y="0"/>
                </a:cubicBezTo>
                <a:cubicBezTo>
                  <a:pt x="917510" y="4189"/>
                  <a:pt x="1222935" y="131291"/>
                  <a:pt x="1191746" y="314035"/>
                </a:cubicBezTo>
                <a:cubicBezTo>
                  <a:pt x="1177505" y="459079"/>
                  <a:pt x="910959" y="671652"/>
                  <a:pt x="595873" y="628070"/>
                </a:cubicBezTo>
                <a:cubicBezTo>
                  <a:pt x="270869" y="622430"/>
                  <a:pt x="31644" y="484868"/>
                  <a:pt x="0" y="314035"/>
                </a:cubicBezTo>
                <a:close/>
              </a:path>
            </a:pathLst>
          </a:custGeom>
          <a:noFill/>
          <a:ln w="76200">
            <a:solidFill>
              <a:schemeClr val="accent2"/>
            </a:solidFill>
            <a:extLst>
              <a:ext uri="{C807C97D-BFC1-408E-A445-0C87EB9F89A2}">
                <ask:lineSketchStyleProps xmlns:ask="http://schemas.microsoft.com/office/drawing/2018/sketchyshapes" sd="879248734">
                  <a:prstGeom prst="ellipse">
                    <a:avLst/>
                  </a:prstGeom>
                  <ask:type>
                    <ask:lineSketchFreehan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7" name="Arrow: Down 16">
            <a:extLst>
              <a:ext uri="{FF2B5EF4-FFF2-40B4-BE49-F238E27FC236}">
                <a16:creationId xmlns:a16="http://schemas.microsoft.com/office/drawing/2014/main" id="{FE282DBE-E8A8-4131-A5C1-D18B8481594D}"/>
              </a:ext>
            </a:extLst>
          </p:cNvPr>
          <p:cNvSpPr/>
          <p:nvPr/>
        </p:nvSpPr>
        <p:spPr>
          <a:xfrm>
            <a:off x="2802915" y="3634413"/>
            <a:ext cx="222917" cy="936032"/>
          </a:xfrm>
          <a:prstGeom prst="downArrow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289C713A-2B1B-454E-A8A1-93D3798FF63A}"/>
              </a:ext>
            </a:extLst>
          </p:cNvPr>
          <p:cNvSpPr txBox="1"/>
          <p:nvPr/>
        </p:nvSpPr>
        <p:spPr>
          <a:xfrm>
            <a:off x="1730231" y="4537195"/>
            <a:ext cx="2367700" cy="58477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>
                <a:solidFill>
                  <a:schemeClr val="accent2"/>
                </a:solidFill>
              </a:rPr>
              <a:t>an adjective</a:t>
            </a:r>
          </a:p>
        </p:txBody>
      </p:sp>
      <p:sp>
        <p:nvSpPr>
          <p:cNvPr id="19" name="Rectangle 18">
            <a:extLst>
              <a:ext uri="{FF2B5EF4-FFF2-40B4-BE49-F238E27FC236}">
                <a16:creationId xmlns:a16="http://schemas.microsoft.com/office/drawing/2014/main" id="{2C90882F-C9FD-43C4-BA12-7B9BFC0321B0}"/>
              </a:ext>
            </a:extLst>
          </p:cNvPr>
          <p:cNvSpPr/>
          <p:nvPr/>
        </p:nvSpPr>
        <p:spPr>
          <a:xfrm>
            <a:off x="1896540" y="3037358"/>
            <a:ext cx="1611431" cy="510244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11E683AB-ADE0-4D2D-B6CD-283A369446A8}"/>
              </a:ext>
            </a:extLst>
          </p:cNvPr>
          <p:cNvSpPr txBox="1"/>
          <p:nvPr/>
        </p:nvSpPr>
        <p:spPr>
          <a:xfrm>
            <a:off x="1680355" y="4570445"/>
            <a:ext cx="2005847" cy="58477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/>
              <a:t>an opinion</a:t>
            </a:r>
          </a:p>
        </p:txBody>
      </p:sp>
      <p:sp>
        <p:nvSpPr>
          <p:cNvPr id="21" name="Arrow: Down 20">
            <a:extLst>
              <a:ext uri="{FF2B5EF4-FFF2-40B4-BE49-F238E27FC236}">
                <a16:creationId xmlns:a16="http://schemas.microsoft.com/office/drawing/2014/main" id="{BAC36D3E-F0F5-495D-905F-3241914033F9}"/>
              </a:ext>
            </a:extLst>
          </p:cNvPr>
          <p:cNvSpPr/>
          <p:nvPr/>
        </p:nvSpPr>
        <p:spPr>
          <a:xfrm>
            <a:off x="2584551" y="3463464"/>
            <a:ext cx="218364" cy="1057106"/>
          </a:xfrm>
          <a:prstGeom prst="downArrow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D78FC7F-D06C-42B5-AD47-9462F4840C46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6512" y="1987968"/>
            <a:ext cx="11618976" cy="2363182"/>
          </a:xfrm>
          <a:prstGeom prst="rect">
            <a:avLst/>
          </a:prstGeom>
        </p:spPr>
      </p:pic>
      <p:sp>
        <p:nvSpPr>
          <p:cNvPr id="15" name="object 81">
            <a:extLst>
              <a:ext uri="{FF2B5EF4-FFF2-40B4-BE49-F238E27FC236}">
                <a16:creationId xmlns:a16="http://schemas.microsoft.com/office/drawing/2014/main" id="{FE8175D5-6152-42CB-8666-B56F3662D8A7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Can you find more examples in the magazine article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94503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2" dur="75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75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250"/>
                            </p:stCondLst>
                            <p:childTnLst>
                              <p:par>
                                <p:cTn id="18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0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"/>
                            </p:stCondLst>
                            <p:childTnLst>
                              <p:par>
                                <p:cTn id="3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000"/>
                            </p:stCondLst>
                            <p:childTnLst>
                              <p:par>
                                <p:cTn id="37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animBg="1"/>
      <p:bldP spid="16" grpId="1" animBg="1"/>
      <p:bldP spid="17" grpId="0" animBg="1"/>
      <p:bldP spid="17" grpId="1" animBg="1"/>
      <p:bldP spid="18" grpId="0"/>
      <p:bldP spid="18" grpId="1"/>
      <p:bldP spid="19" grpId="0" animBg="1"/>
      <p:bldP spid="20" grpId="0" animBg="1"/>
      <p:bldP spid="21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3" name="Straight Connector 2">
            <a:extLst>
              <a:ext uri="{FF2B5EF4-FFF2-40B4-BE49-F238E27FC236}">
                <a16:creationId xmlns:a16="http://schemas.microsoft.com/office/drawing/2014/main" id="{A5189FA3-50FB-4D92-ADE6-11CCFA65992D}"/>
              </a:ext>
            </a:extLst>
          </p:cNvPr>
          <p:cNvCxnSpPr/>
          <p:nvPr/>
        </p:nvCxnSpPr>
        <p:spPr>
          <a:xfrm>
            <a:off x="8462357" y="3462250"/>
            <a:ext cx="1080000" cy="0"/>
          </a:xfrm>
          <a:prstGeom prst="line">
            <a:avLst/>
          </a:prstGeom>
          <a:ln w="76200">
            <a:solidFill>
              <a:srgbClr val="33CC33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pic>
        <p:nvPicPr>
          <p:cNvPr id="6" name="Picture 5">
            <a:extLst>
              <a:ext uri="{FF2B5EF4-FFF2-40B4-BE49-F238E27FC236}">
                <a16:creationId xmlns:a16="http://schemas.microsoft.com/office/drawing/2014/main" id="{1D78FC7F-D06C-42B5-AD47-9462F4840C46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86512" y="1987968"/>
            <a:ext cx="11618976" cy="2363182"/>
          </a:xfrm>
          <a:prstGeom prst="rect">
            <a:avLst/>
          </a:prstGeom>
        </p:spPr>
      </p:pic>
      <p:sp>
        <p:nvSpPr>
          <p:cNvPr id="15" name="object 81">
            <a:extLst>
              <a:ext uri="{FF2B5EF4-FFF2-40B4-BE49-F238E27FC236}">
                <a16:creationId xmlns:a16="http://schemas.microsoft.com/office/drawing/2014/main" id="{FE8175D5-6152-42CB-8666-B56F3662D8A7}"/>
              </a:ext>
            </a:extLst>
          </p:cNvPr>
          <p:cNvSpPr txBox="1"/>
          <p:nvPr/>
        </p:nvSpPr>
        <p:spPr>
          <a:xfrm>
            <a:off x="460740" y="68635"/>
            <a:ext cx="11444748" cy="1115785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How did Gina feel about the skiing park?</a:t>
            </a:r>
            <a:b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</a:b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Did she like it there?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D3B89D52-F891-4622-BD8A-D4A93E53B1D5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115695" y="4114398"/>
            <a:ext cx="3773978" cy="237546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553173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build="p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051FEE78-50E5-4A5B-B874-22A388980C15}"/>
              </a:ext>
            </a:extLst>
          </p:cNvPr>
          <p:cNvSpPr txBox="1"/>
          <p:nvPr/>
        </p:nvSpPr>
        <p:spPr>
          <a:xfrm>
            <a:off x="798286" y="1764685"/>
            <a:ext cx="10769599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3200" dirty="0"/>
              <a:t>How did Gina feel about her visit to the skiing park?</a:t>
            </a:r>
            <a:endParaRPr lang="en-HK" sz="3200" dirty="0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B5357A64-4FA0-4339-82F8-2008CA64A90F}"/>
              </a:ext>
            </a:extLst>
          </p:cNvPr>
          <p:cNvSpPr/>
          <p:nvPr/>
        </p:nvSpPr>
        <p:spPr>
          <a:xfrm>
            <a:off x="898785" y="4949997"/>
            <a:ext cx="363600" cy="364435"/>
          </a:xfrm>
          <a:prstGeom prst="ellipse">
            <a:avLst/>
          </a:prstGeom>
          <a:noFill/>
          <a:ln w="381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0E80689C-9419-416A-9114-E2E83D192485}"/>
              </a:ext>
            </a:extLst>
          </p:cNvPr>
          <p:cNvSpPr/>
          <p:nvPr/>
        </p:nvSpPr>
        <p:spPr>
          <a:xfrm>
            <a:off x="898786" y="4175532"/>
            <a:ext cx="363600" cy="364435"/>
          </a:xfrm>
          <a:prstGeom prst="ellipse">
            <a:avLst/>
          </a:prstGeom>
          <a:noFill/>
          <a:ln w="381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AE433F4-DB8A-4826-A365-A186334B98E5}"/>
              </a:ext>
            </a:extLst>
          </p:cNvPr>
          <p:cNvSpPr/>
          <p:nvPr/>
        </p:nvSpPr>
        <p:spPr>
          <a:xfrm>
            <a:off x="898786" y="2665868"/>
            <a:ext cx="363600" cy="364435"/>
          </a:xfrm>
          <a:prstGeom prst="ellipse">
            <a:avLst/>
          </a:prstGeom>
          <a:noFill/>
          <a:ln w="381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/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068E1676-F7FE-494F-93DE-F092DDF32A3D}"/>
              </a:ext>
            </a:extLst>
          </p:cNvPr>
          <p:cNvSpPr/>
          <p:nvPr/>
        </p:nvSpPr>
        <p:spPr>
          <a:xfrm>
            <a:off x="954586" y="5000965"/>
            <a:ext cx="252000" cy="252000"/>
          </a:xfrm>
          <a:prstGeom prst="ellipse">
            <a:avLst/>
          </a:prstGeom>
          <a:solidFill>
            <a:schemeClr val="tx1"/>
          </a:solidFill>
          <a:ln w="381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/>
          </a:p>
        </p:txBody>
      </p:sp>
      <p:sp>
        <p:nvSpPr>
          <p:cNvPr id="9" name="Oval 8">
            <a:extLst>
              <a:ext uri="{FF2B5EF4-FFF2-40B4-BE49-F238E27FC236}">
                <a16:creationId xmlns:a16="http://schemas.microsoft.com/office/drawing/2014/main" id="{46461EFD-7EBA-4601-8393-DFF6F79ADB1C}"/>
              </a:ext>
            </a:extLst>
          </p:cNvPr>
          <p:cNvSpPr/>
          <p:nvPr/>
        </p:nvSpPr>
        <p:spPr>
          <a:xfrm>
            <a:off x="898786" y="3419566"/>
            <a:ext cx="363600" cy="364435"/>
          </a:xfrm>
          <a:prstGeom prst="ellipse">
            <a:avLst/>
          </a:prstGeom>
          <a:noFill/>
          <a:ln w="381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/>
          </a:p>
        </p:txBody>
      </p:sp>
      <p:sp>
        <p:nvSpPr>
          <p:cNvPr id="10" name="Look at">
            <a:extLst>
              <a:ext uri="{FF2B5EF4-FFF2-40B4-BE49-F238E27FC236}">
                <a16:creationId xmlns:a16="http://schemas.microsoft.com/office/drawing/2014/main" id="{EE5533A7-FE55-4F3B-9305-71CAE1BFCA68}"/>
              </a:ext>
            </a:extLst>
          </p:cNvPr>
          <p:cNvSpPr txBox="1"/>
          <p:nvPr/>
        </p:nvSpPr>
        <p:spPr>
          <a:xfrm>
            <a:off x="1592853" y="4038028"/>
            <a:ext cx="6088107" cy="595932"/>
          </a:xfrm>
          <a:prstGeom prst="rect">
            <a:avLst/>
          </a:prstGeom>
          <a:noFill/>
          <a:effectLst>
            <a:softEdge rad="254000"/>
          </a:effectLst>
        </p:spPr>
        <p:txBody>
          <a:bodyPr wrap="square">
            <a:spAutoFit/>
          </a:bodyPr>
          <a:lstStyle/>
          <a:p>
            <a:pPr marL="449263" indent="-449263">
              <a:lnSpc>
                <a:spcPct val="107000"/>
              </a:lnSpc>
              <a:spcAft>
                <a:spcPts val="800"/>
              </a:spcAft>
            </a:pPr>
            <a:r>
              <a:rPr lang="en-US" sz="3200" b="1" dirty="0">
                <a:ea typeface="PMingLiU" panose="02020500000000000000" pitchFamily="18" charset="-120"/>
                <a:cs typeface="Times New Roman" panose="02020603050405020304" pitchFamily="18" charset="0"/>
              </a:rPr>
              <a:t>C. </a:t>
            </a:r>
            <a:r>
              <a:rPr lang="en-US" sz="3200" dirty="0">
                <a:ea typeface="PMingLiU" panose="02020500000000000000" pitchFamily="18" charset="-120"/>
                <a:cs typeface="Times New Roman" panose="02020603050405020304" pitchFamily="18" charset="0"/>
              </a:rPr>
              <a:t>She liked skiing downhill.</a:t>
            </a:r>
            <a:r>
              <a:rPr lang="en-US" sz="3200" b="1" dirty="0">
                <a:ea typeface="PMingLiU" panose="02020500000000000000" pitchFamily="18" charset="-120"/>
                <a:cs typeface="Times New Roman" panose="02020603050405020304" pitchFamily="18" charset="0"/>
              </a:rPr>
              <a:t> </a:t>
            </a:r>
            <a:endParaRPr lang="en-HK" sz="3200" dirty="0">
              <a:effectLst/>
              <a:ea typeface="PMingLiU" panose="02020500000000000000" pitchFamily="18" charset="-120"/>
              <a:cs typeface="Times New Roman" panose="02020603050405020304" pitchFamily="18" charset="0"/>
            </a:endParaRPr>
          </a:p>
        </p:txBody>
      </p:sp>
      <p:sp>
        <p:nvSpPr>
          <p:cNvPr id="11" name="Look at">
            <a:extLst>
              <a:ext uri="{FF2B5EF4-FFF2-40B4-BE49-F238E27FC236}">
                <a16:creationId xmlns:a16="http://schemas.microsoft.com/office/drawing/2014/main" id="{59C868F0-327F-41C8-BBBC-827B5BDAC98F}"/>
              </a:ext>
            </a:extLst>
          </p:cNvPr>
          <p:cNvSpPr txBox="1"/>
          <p:nvPr/>
        </p:nvSpPr>
        <p:spPr>
          <a:xfrm>
            <a:off x="1592853" y="3329364"/>
            <a:ext cx="6088107" cy="584775"/>
          </a:xfrm>
          <a:prstGeom prst="rect">
            <a:avLst/>
          </a:prstGeom>
          <a:noFill/>
          <a:effectLst>
            <a:softEdge rad="254000"/>
          </a:effectLst>
        </p:spPr>
        <p:txBody>
          <a:bodyPr wrap="square">
            <a:spAutoFit/>
          </a:bodyPr>
          <a:lstStyle/>
          <a:p>
            <a:pPr marL="449263" indent="-449263"/>
            <a:r>
              <a:rPr lang="en-US" sz="3200" b="1" dirty="0">
                <a:ea typeface="PMingLiU" panose="02020500000000000000" pitchFamily="18" charset="-120"/>
                <a:cs typeface="Times New Roman" panose="02020603050405020304" pitchFamily="18" charset="0"/>
              </a:rPr>
              <a:t>B. </a:t>
            </a:r>
            <a:r>
              <a:rPr lang="en-US" sz="3200" dirty="0">
                <a:ea typeface="PMingLiU" panose="02020500000000000000" pitchFamily="18" charset="-120"/>
                <a:cs typeface="Times New Roman" panose="02020603050405020304" pitchFamily="18" charset="0"/>
              </a:rPr>
              <a:t>She wanted to practice more. </a:t>
            </a:r>
            <a:endParaRPr lang="en-HK" sz="3200" dirty="0">
              <a:effectLst/>
              <a:ea typeface="PMingLiU" panose="02020500000000000000" pitchFamily="18" charset="-120"/>
              <a:cs typeface="Times New Roman" panose="02020603050405020304" pitchFamily="18" charset="0"/>
            </a:endParaRPr>
          </a:p>
        </p:txBody>
      </p:sp>
      <p:sp>
        <p:nvSpPr>
          <p:cNvPr id="12" name="Look at">
            <a:extLst>
              <a:ext uri="{FF2B5EF4-FFF2-40B4-BE49-F238E27FC236}">
                <a16:creationId xmlns:a16="http://schemas.microsoft.com/office/drawing/2014/main" id="{A90D14BA-9CA3-467D-AB95-0526444A46C8}"/>
              </a:ext>
            </a:extLst>
          </p:cNvPr>
          <p:cNvSpPr txBox="1"/>
          <p:nvPr/>
        </p:nvSpPr>
        <p:spPr>
          <a:xfrm>
            <a:off x="1592853" y="4831128"/>
            <a:ext cx="5339962" cy="595932"/>
          </a:xfrm>
          <a:prstGeom prst="rect">
            <a:avLst/>
          </a:prstGeom>
          <a:noFill/>
          <a:effectLst>
            <a:softEdge rad="254000"/>
          </a:effectLst>
        </p:spPr>
        <p:txBody>
          <a:bodyPr wrap="square">
            <a:spAutoFit/>
          </a:bodyPr>
          <a:lstStyle/>
          <a:p>
            <a:pPr marL="449263" indent="-449263">
              <a:lnSpc>
                <a:spcPct val="107000"/>
              </a:lnSpc>
              <a:spcAft>
                <a:spcPts val="800"/>
              </a:spcAft>
            </a:pPr>
            <a:r>
              <a:rPr lang="en-US" sz="3200" b="1" dirty="0">
                <a:latin typeface="Calibri" panose="020F0502020204030204" pitchFamily="34" charset="0"/>
                <a:ea typeface="PMingLiU" panose="02020500000000000000" pitchFamily="18" charset="-120"/>
                <a:cs typeface="Times New Roman" panose="02020603050405020304" pitchFamily="18" charset="0"/>
              </a:rPr>
              <a:t>D. </a:t>
            </a:r>
            <a:r>
              <a:rPr lang="en-US" sz="3200" dirty="0">
                <a:latin typeface="Calibri" panose="020F0502020204030204" pitchFamily="34" charset="0"/>
                <a:ea typeface="PMingLiU" panose="02020500000000000000" pitchFamily="18" charset="-120"/>
                <a:cs typeface="Times New Roman" panose="02020603050405020304" pitchFamily="18" charset="0"/>
              </a:rPr>
              <a:t>She felt lucky to go there.</a:t>
            </a:r>
            <a:endParaRPr lang="en-HK" sz="3200" dirty="0">
              <a:effectLst/>
              <a:latin typeface="Calibri" panose="020F0502020204030204" pitchFamily="34" charset="0"/>
              <a:ea typeface="PMingLiU" panose="02020500000000000000" pitchFamily="18" charset="-120"/>
              <a:cs typeface="Times New Roman" panose="02020603050405020304" pitchFamily="18" charset="0"/>
            </a:endParaRPr>
          </a:p>
        </p:txBody>
      </p:sp>
      <p:sp>
        <p:nvSpPr>
          <p:cNvPr id="13" name="Look at">
            <a:extLst>
              <a:ext uri="{FF2B5EF4-FFF2-40B4-BE49-F238E27FC236}">
                <a16:creationId xmlns:a16="http://schemas.microsoft.com/office/drawing/2014/main" id="{A617E6A9-8561-4BE9-ADF0-222536C7900D}"/>
              </a:ext>
            </a:extLst>
          </p:cNvPr>
          <p:cNvSpPr txBox="1"/>
          <p:nvPr/>
        </p:nvSpPr>
        <p:spPr>
          <a:xfrm>
            <a:off x="1592854" y="2550479"/>
            <a:ext cx="4321249" cy="595932"/>
          </a:xfrm>
          <a:prstGeom prst="rect">
            <a:avLst/>
          </a:prstGeom>
          <a:noFill/>
          <a:effectLst>
            <a:softEdge rad="254000"/>
          </a:effectLst>
        </p:spPr>
        <p:txBody>
          <a:bodyPr wrap="square">
            <a:spAutoFit/>
          </a:bodyPr>
          <a:lstStyle/>
          <a:p>
            <a:pPr marL="449263" indent="-449263">
              <a:lnSpc>
                <a:spcPct val="107000"/>
              </a:lnSpc>
              <a:spcAft>
                <a:spcPts val="800"/>
              </a:spcAft>
            </a:pPr>
            <a:r>
              <a:rPr lang="en-HK" sz="3200" b="1" dirty="0">
                <a:ea typeface="PMingLiU" panose="02020500000000000000" pitchFamily="18" charset="-120"/>
                <a:cs typeface="Times New Roman" panose="02020603050405020304" pitchFamily="18" charset="0"/>
              </a:rPr>
              <a:t>A. </a:t>
            </a:r>
            <a:r>
              <a:rPr lang="en-US" sz="3200" dirty="0">
                <a:ea typeface="PMingLiU" panose="02020500000000000000" pitchFamily="18" charset="-120"/>
                <a:cs typeface="Times New Roman" panose="02020603050405020304" pitchFamily="18" charset="0"/>
              </a:rPr>
              <a:t>She didn’t enjoy it.</a:t>
            </a:r>
            <a:endParaRPr lang="en-HK" sz="3200" dirty="0">
              <a:effectLst/>
              <a:ea typeface="PMingLiU" panose="02020500000000000000" pitchFamily="18" charset="-120"/>
              <a:cs typeface="Times New Roman" panose="02020603050405020304" pitchFamily="18" charset="0"/>
            </a:endParaRPr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C3925A85-A7F7-4010-AC80-C8B9DD09C7F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263283" y="3030303"/>
            <a:ext cx="4407401" cy="2774162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081788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5" grpId="0" animBg="1"/>
      <p:bldP spid="6" grpId="0" animBg="1"/>
      <p:bldP spid="7" grpId="0" animBg="1"/>
      <p:bldP spid="8" grpId="0" animBg="1"/>
      <p:bldP spid="9" grpId="0" animBg="1"/>
      <p:bldP spid="10" grpId="0" animBg="1"/>
      <p:bldP spid="11" grpId="0" animBg="1"/>
      <p:bldP spid="12" grpId="0" animBg="1"/>
      <p:bldP spid="13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282FF6D-5FFB-4FD7-B2F4-9A7D6D4818DD}"/>
              </a:ext>
            </a:extLst>
          </p:cNvPr>
          <p:cNvSpPr txBox="1"/>
          <p:nvPr/>
        </p:nvSpPr>
        <p:spPr>
          <a:xfrm>
            <a:off x="741988" y="2185310"/>
            <a:ext cx="7281160" cy="31700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When a writer uses verbs such as</a:t>
            </a:r>
          </a:p>
          <a:p>
            <a:endParaRPr lang="en-US" sz="4000" b="1" dirty="0"/>
          </a:p>
          <a:p>
            <a:endParaRPr lang="en-US" sz="4000" b="1" dirty="0"/>
          </a:p>
          <a:p>
            <a:r>
              <a:rPr lang="en-US" sz="4000" b="1" dirty="0"/>
              <a:t>they are likely to be giving their opinions as well.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17458FA-7022-48EC-A016-7326B563C8E5}"/>
              </a:ext>
            </a:extLst>
          </p:cNvPr>
          <p:cNvSpPr txBox="1"/>
          <p:nvPr/>
        </p:nvSpPr>
        <p:spPr>
          <a:xfrm>
            <a:off x="1391607" y="3044279"/>
            <a:ext cx="1767229" cy="769441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 algn="ctr"/>
            <a:r>
              <a:rPr lang="en-US" sz="4400" b="1" dirty="0">
                <a:solidFill>
                  <a:schemeClr val="accent2"/>
                </a:solidFill>
              </a:rPr>
              <a:t>think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BCEE795D-5066-4D30-B1B7-483A73461C10}"/>
              </a:ext>
            </a:extLst>
          </p:cNvPr>
          <p:cNvSpPr txBox="1"/>
          <p:nvPr/>
        </p:nvSpPr>
        <p:spPr>
          <a:xfrm>
            <a:off x="3808455" y="3044279"/>
            <a:ext cx="3119433" cy="769441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 algn="ctr"/>
            <a:r>
              <a:rPr lang="en-US" sz="4400" b="1" dirty="0">
                <a:solidFill>
                  <a:schemeClr val="accent2"/>
                </a:solidFill>
              </a:rPr>
              <a:t>like / dislike</a:t>
            </a:r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6FBD609C-228C-4EE5-B4D8-D87B6187B0FA}"/>
              </a:ext>
            </a:extLst>
          </p:cNvPr>
          <p:cNvSpPr/>
          <p:nvPr/>
        </p:nvSpPr>
        <p:spPr>
          <a:xfrm>
            <a:off x="1391607" y="3044279"/>
            <a:ext cx="1767229" cy="769441"/>
          </a:xfrm>
          <a:prstGeom prst="roundRect">
            <a:avLst/>
          </a:prstGeom>
          <a:noFill/>
          <a:ln w="7620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2" name="Rectangle: Rounded Corners 11">
            <a:extLst>
              <a:ext uri="{FF2B5EF4-FFF2-40B4-BE49-F238E27FC236}">
                <a16:creationId xmlns:a16="http://schemas.microsoft.com/office/drawing/2014/main" id="{F3AB906C-5391-449A-909B-58A739EB3395}"/>
              </a:ext>
            </a:extLst>
          </p:cNvPr>
          <p:cNvSpPr/>
          <p:nvPr/>
        </p:nvSpPr>
        <p:spPr>
          <a:xfrm>
            <a:off x="3650405" y="3044279"/>
            <a:ext cx="3365539" cy="769441"/>
          </a:xfrm>
          <a:prstGeom prst="roundRect">
            <a:avLst/>
          </a:prstGeom>
          <a:noFill/>
          <a:ln w="7620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DC12D0B7-BB9A-4775-A92D-EAD1C037AF5D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439" t="9074"/>
          <a:stretch/>
        </p:blipFill>
        <p:spPr>
          <a:xfrm>
            <a:off x="7085533" y="1600200"/>
            <a:ext cx="4694216" cy="52578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122869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5" grpId="0"/>
      <p:bldP spid="6" grpId="0"/>
      <p:bldP spid="3" grpId="0" animBg="1"/>
      <p:bldP spid="12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75DD6A4C-4A52-68C4-4C39-E60F5EB05D79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Let’s find an example in the magazine article.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5EA4F9A-5F71-4C7A-8B8F-63D03694AB1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097508" y="1171291"/>
            <a:ext cx="4022355" cy="568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82432107-4215-44B5-93B1-4198033F5F2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115798" y="1171292"/>
            <a:ext cx="4013495" cy="56826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668474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>
            <a:extLst>
              <a:ext uri="{FF2B5EF4-FFF2-40B4-BE49-F238E27FC236}">
                <a16:creationId xmlns:a16="http://schemas.microsoft.com/office/drawing/2014/main" id="{1F567D13-0CED-4FAB-99E3-011494C6E9A6}"/>
              </a:ext>
            </a:extLst>
          </p:cNvPr>
          <p:cNvSpPr/>
          <p:nvPr/>
        </p:nvSpPr>
        <p:spPr>
          <a:xfrm>
            <a:off x="2776451" y="3857105"/>
            <a:ext cx="2677306" cy="504000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7D5F10C0-1F73-4059-83D0-AE4BC4972603}"/>
              </a:ext>
            </a:extLst>
          </p:cNvPr>
          <p:cNvSpPr/>
          <p:nvPr/>
        </p:nvSpPr>
        <p:spPr>
          <a:xfrm>
            <a:off x="2975956" y="3890356"/>
            <a:ext cx="764771" cy="448887"/>
          </a:xfrm>
          <a:prstGeom prst="roundRect">
            <a:avLst/>
          </a:prstGeom>
          <a:noFill/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F5BA4111-3009-4088-B1BC-7F7E00EA1CF0}"/>
              </a:ext>
            </a:extLst>
          </p:cNvPr>
          <p:cNvSpPr txBox="1"/>
          <p:nvPr/>
        </p:nvSpPr>
        <p:spPr>
          <a:xfrm>
            <a:off x="3109264" y="4812194"/>
            <a:ext cx="2011680" cy="584775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/>
              <a:t>an opinion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9FA2A8B2-0D0A-45A4-9D82-9FE3BFDD3334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b="3979"/>
          <a:stretch/>
        </p:blipFill>
        <p:spPr>
          <a:xfrm>
            <a:off x="73152" y="1729066"/>
            <a:ext cx="12045696" cy="2733206"/>
          </a:xfrm>
          <a:prstGeom prst="rect">
            <a:avLst/>
          </a:prstGeom>
        </p:spPr>
      </p:pic>
      <p:sp>
        <p:nvSpPr>
          <p:cNvPr id="10" name="object 81">
            <a:extLst>
              <a:ext uri="{FF2B5EF4-FFF2-40B4-BE49-F238E27FC236}">
                <a16:creationId xmlns:a16="http://schemas.microsoft.com/office/drawing/2014/main" id="{DA77B5F8-1C2D-4F72-861E-41D5AACCFFF3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Let’s find an example in the magazine article.</a:t>
            </a:r>
          </a:p>
        </p:txBody>
      </p:sp>
      <p:sp>
        <p:nvSpPr>
          <p:cNvPr id="15" name="Arrow: Down 14">
            <a:extLst>
              <a:ext uri="{FF2B5EF4-FFF2-40B4-BE49-F238E27FC236}">
                <a16:creationId xmlns:a16="http://schemas.microsoft.com/office/drawing/2014/main" id="{72844F33-A260-47A5-BC56-73EEC1FB20E1}"/>
              </a:ext>
            </a:extLst>
          </p:cNvPr>
          <p:cNvSpPr/>
          <p:nvPr/>
        </p:nvSpPr>
        <p:spPr>
          <a:xfrm>
            <a:off x="3945943" y="4341729"/>
            <a:ext cx="218364" cy="412349"/>
          </a:xfrm>
          <a:prstGeom prst="downArrow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945703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6" presetClass="emph" presetSubtype="0" repeatCount="3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" dur="1000" tmFilter="0, 0; .2, .5; .8, .5; 1, 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5" dur="500" autoRev="1" fill="hold"/>
                                        <p:tgtEl>
                                          <p:spTgt spid="3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000"/>
                            </p:stCondLst>
                            <p:childTnLst>
                              <p:par>
                                <p:cTn id="28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3" grpId="0" animBg="1"/>
      <p:bldP spid="3" grpId="1" animBg="1"/>
      <p:bldP spid="3" grpId="2" animBg="1"/>
      <p:bldP spid="12" grpId="0" animBg="1"/>
      <p:bldP spid="15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76DE595B-0AD7-4991-BD81-44ADCC540E3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439" t="9074"/>
          <a:stretch/>
        </p:blipFill>
        <p:spPr>
          <a:xfrm>
            <a:off x="7085533" y="1600200"/>
            <a:ext cx="4694216" cy="5257800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2C9BCAAC-66FF-4D17-AE03-7EE8BAB25C62}"/>
              </a:ext>
            </a:extLst>
          </p:cNvPr>
          <p:cNvSpPr txBox="1"/>
          <p:nvPr/>
        </p:nvSpPr>
        <p:spPr>
          <a:xfrm>
            <a:off x="836203" y="2056961"/>
            <a:ext cx="6733303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Facts are something that you can prove to be true or false.</a:t>
            </a:r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6C930965-C63F-4A3A-9C20-9FF494E67735}"/>
              </a:ext>
            </a:extLst>
          </p:cNvPr>
          <p:cNvSpPr/>
          <p:nvPr/>
        </p:nvSpPr>
        <p:spPr>
          <a:xfrm>
            <a:off x="608869" y="1933084"/>
            <a:ext cx="6733303" cy="1585527"/>
          </a:xfrm>
          <a:prstGeom prst="roundRect">
            <a:avLst/>
          </a:prstGeom>
          <a:noFill/>
          <a:ln w="76200">
            <a:solidFill>
              <a:schemeClr val="accent5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B77F8214-E525-406E-B920-F13CA0D8C93E}"/>
              </a:ext>
            </a:extLst>
          </p:cNvPr>
          <p:cNvSpPr txBox="1"/>
          <p:nvPr/>
        </p:nvSpPr>
        <p:spPr>
          <a:xfrm>
            <a:off x="836204" y="3851495"/>
            <a:ext cx="6733303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Opinions are what someone thinks or feels. There is no right or wrong opinion.</a:t>
            </a:r>
          </a:p>
        </p:txBody>
      </p:sp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66E790E-DDF2-4CBC-B622-C17FAB64FE30}"/>
              </a:ext>
            </a:extLst>
          </p:cNvPr>
          <p:cNvSpPr/>
          <p:nvPr/>
        </p:nvSpPr>
        <p:spPr>
          <a:xfrm>
            <a:off x="608869" y="3727618"/>
            <a:ext cx="6779021" cy="2205079"/>
          </a:xfrm>
          <a:prstGeom prst="roundRect">
            <a:avLst/>
          </a:prstGeom>
          <a:noFill/>
          <a:ln w="76200"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7193494B-DAB1-4AA6-A17F-17F4DCC9E682}"/>
              </a:ext>
            </a:extLst>
          </p:cNvPr>
          <p:cNvSpPr txBox="1"/>
          <p:nvPr/>
        </p:nvSpPr>
        <p:spPr>
          <a:xfrm>
            <a:off x="608869" y="1082988"/>
            <a:ext cx="637813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Remember: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26631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0" dur="1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6" dur="1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9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 animBg="1"/>
      <p:bldP spid="9" grpId="0"/>
      <p:bldP spid="10" grpId="0" animBg="1"/>
      <p:bldP spid="11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C282FF6D-5FFB-4FD7-B2F4-9A7D6D4818DD}"/>
              </a:ext>
            </a:extLst>
          </p:cNvPr>
          <p:cNvSpPr txBox="1"/>
          <p:nvPr/>
        </p:nvSpPr>
        <p:spPr>
          <a:xfrm>
            <a:off x="1081444" y="2544752"/>
            <a:ext cx="6378135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Knowing which parts of the text are opinions helps us understand the story or information better. 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54C05004-4669-4B2C-BA76-11AB4F1E2744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439" t="9074"/>
          <a:stretch/>
        </p:blipFill>
        <p:spPr>
          <a:xfrm>
            <a:off x="7085533" y="1600200"/>
            <a:ext cx="4694216" cy="52578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700898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1">
            <a:extLst>
              <a:ext uri="{FF2B5EF4-FFF2-40B4-BE49-F238E27FC236}">
                <a16:creationId xmlns:a16="http://schemas.microsoft.com/office/drawing/2014/main" id="{13E97573-3D9A-4454-BC0C-A66937168F42}"/>
              </a:ext>
            </a:extLst>
          </p:cNvPr>
          <p:cNvSpPr/>
          <p:nvPr/>
        </p:nvSpPr>
        <p:spPr>
          <a:xfrm>
            <a:off x="3154084" y="3791712"/>
            <a:ext cx="1908000" cy="614141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C0FE3AC0-4D22-44DF-A5B2-0C1338F7E307}"/>
              </a:ext>
            </a:extLst>
          </p:cNvPr>
          <p:cNvSpPr/>
          <p:nvPr/>
        </p:nvSpPr>
        <p:spPr>
          <a:xfrm>
            <a:off x="1081445" y="3767328"/>
            <a:ext cx="1149691" cy="614141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C282FF6D-5FFB-4FD7-B2F4-9A7D6D4818DD}"/>
              </a:ext>
            </a:extLst>
          </p:cNvPr>
          <p:cNvSpPr txBox="1"/>
          <p:nvPr/>
        </p:nvSpPr>
        <p:spPr>
          <a:xfrm>
            <a:off x="1081445" y="3094606"/>
            <a:ext cx="6121788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Do you remember what facts and opinions are?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B0A2EF18-B60E-4B55-9D3F-60A4FFC3BA8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439" t="9074"/>
          <a:stretch/>
        </p:blipFill>
        <p:spPr>
          <a:xfrm>
            <a:off x="7085533" y="1600200"/>
            <a:ext cx="4694216" cy="52578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450822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1" grpId="0" animBg="1"/>
      <p:bldP spid="2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681921942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>
            <a:extLst>
              <a:ext uri="{FF2B5EF4-FFF2-40B4-BE49-F238E27FC236}">
                <a16:creationId xmlns:a16="http://schemas.microsoft.com/office/drawing/2014/main" id="{B0B883D7-90A2-40BA-9DFE-88AF3DAF86D6}"/>
              </a:ext>
            </a:extLst>
          </p:cNvPr>
          <p:cNvSpPr txBox="1"/>
          <p:nvPr/>
        </p:nvSpPr>
        <p:spPr>
          <a:xfrm>
            <a:off x="676017" y="609251"/>
            <a:ext cx="10839965" cy="461664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1400" b="1" dirty="0"/>
              <a:t>Acknowledgements</a:t>
            </a:r>
          </a:p>
          <a:p>
            <a:endParaRPr lang="en-HK" sz="1400" dirty="0"/>
          </a:p>
          <a:p>
            <a:r>
              <a:rPr lang="en-HK" sz="1400" dirty="0"/>
              <a:t>We would like to thank the following organisations and people for permission to use their images:</a:t>
            </a:r>
          </a:p>
          <a:p>
            <a:endParaRPr lang="en-HK" sz="1400" dirty="0"/>
          </a:p>
          <a:p>
            <a:r>
              <a:rPr lang="en-HK" sz="1400" dirty="0" err="1"/>
              <a:t>evagattuso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Graphic Gurus / stock.adobe.com</a:t>
            </a:r>
          </a:p>
          <a:p>
            <a:r>
              <a:rPr lang="en-HK" sz="1400" dirty="0" err="1"/>
              <a:t>gui</a:t>
            </a:r>
            <a:r>
              <a:rPr lang="en-HK" sz="1400" dirty="0"/>
              <a:t> </a:t>
            </a:r>
            <a:r>
              <a:rPr lang="en-HK" sz="1400" dirty="0" err="1"/>
              <a:t>yong</a:t>
            </a:r>
            <a:r>
              <a:rPr lang="en-HK" sz="1400" dirty="0"/>
              <a:t> </a:t>
            </a:r>
            <a:r>
              <a:rPr lang="en-HK" sz="1400" dirty="0" err="1"/>
              <a:t>nian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Hung Chung Chih / Shutterstock</a:t>
            </a:r>
          </a:p>
          <a:p>
            <a:r>
              <a:rPr lang="en-HK" sz="1400" dirty="0" err="1"/>
              <a:t>hwongcc</a:t>
            </a:r>
            <a:r>
              <a:rPr lang="en-HK" sz="1400" dirty="0"/>
              <a:t> / stock.adobe.com</a:t>
            </a:r>
          </a:p>
          <a:p>
            <a:r>
              <a:rPr lang="en-HK" sz="1400" dirty="0" err="1"/>
              <a:t>karapati</a:t>
            </a:r>
            <a:r>
              <a:rPr lang="en-HK" sz="1400" dirty="0"/>
              <a:t> / stock.adobe.com</a:t>
            </a:r>
          </a:p>
          <a:p>
            <a:r>
              <a:rPr lang="en-HK" sz="1400" dirty="0" err="1"/>
              <a:t>maxximmm</a:t>
            </a:r>
            <a:r>
              <a:rPr lang="en-HK" sz="1400" dirty="0"/>
              <a:t> / stock.adobe.com</a:t>
            </a:r>
          </a:p>
          <a:p>
            <a:r>
              <a:rPr lang="en-HK" sz="1400" dirty="0"/>
              <a:t>Only Best PNG's / stock.adobe.com</a:t>
            </a:r>
          </a:p>
          <a:p>
            <a:r>
              <a:rPr lang="en-HK" sz="1400" dirty="0"/>
              <a:t>Patricia / stock.adobe.com</a:t>
            </a:r>
          </a:p>
          <a:p>
            <a:r>
              <a:rPr lang="en-HK" sz="1400" dirty="0" err="1"/>
              <a:t>photosomething</a:t>
            </a:r>
            <a:r>
              <a:rPr lang="en-HK" sz="1400" dirty="0"/>
              <a:t> / stock.adobe.com</a:t>
            </a:r>
          </a:p>
          <a:p>
            <a:r>
              <a:rPr lang="en-HK" sz="1400" dirty="0" err="1"/>
              <a:t>Tatiana_kashko_photo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Thaweewong </a:t>
            </a:r>
            <a:r>
              <a:rPr lang="en-HK" sz="1400" dirty="0" err="1"/>
              <a:t>Vichaiururoj</a:t>
            </a:r>
            <a:r>
              <a:rPr lang="en-HK" sz="1400" dirty="0"/>
              <a:t> / Shutterstock</a:t>
            </a:r>
          </a:p>
          <a:p>
            <a:r>
              <a:rPr lang="en-HK" sz="1400" dirty="0"/>
              <a:t>vacant - stock.adobe.com</a:t>
            </a:r>
          </a:p>
          <a:p>
            <a:r>
              <a:rPr lang="en-HK" sz="1400" dirty="0" err="1"/>
              <a:t>YP_Studio</a:t>
            </a:r>
            <a:r>
              <a:rPr lang="en-HK" sz="1400" dirty="0"/>
              <a:t> / Shutterstock</a:t>
            </a:r>
          </a:p>
          <a:p>
            <a:r>
              <a:rPr lang="az-Cyrl-AZ" sz="1400" dirty="0"/>
              <a:t>Наталья Удалова / </a:t>
            </a:r>
            <a:r>
              <a:rPr lang="en-HK" sz="1400" dirty="0"/>
              <a:t>stock.adobe.com</a:t>
            </a:r>
          </a:p>
          <a:p>
            <a:r>
              <a:rPr lang="ja-JP" altLang="en-US" sz="1400" dirty="0"/>
              <a:t>ヨーグル </a:t>
            </a:r>
            <a:r>
              <a:rPr lang="en-US" altLang="ja-JP" sz="1400" dirty="0"/>
              <a:t>/ </a:t>
            </a:r>
            <a:r>
              <a:rPr lang="en-HK" sz="1400" dirty="0"/>
              <a:t>stock.adobe.com</a:t>
            </a:r>
          </a:p>
          <a:p>
            <a:endParaRPr lang="en-HK" sz="1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0478949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6BEDFF8E-2A34-413D-A799-44F00B2B9C76}"/>
              </a:ext>
            </a:extLst>
          </p:cNvPr>
          <p:cNvSpPr txBox="1"/>
          <p:nvPr/>
        </p:nvSpPr>
        <p:spPr>
          <a:xfrm>
            <a:off x="3747797" y="1513477"/>
            <a:ext cx="1134934" cy="707886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4000" b="1" dirty="0"/>
              <a:t>Fact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AD36AC6B-89F2-46A5-9154-05E299A605E6}"/>
              </a:ext>
            </a:extLst>
          </p:cNvPr>
          <p:cNvSpPr txBox="1"/>
          <p:nvPr/>
        </p:nvSpPr>
        <p:spPr>
          <a:xfrm>
            <a:off x="1123073" y="2307918"/>
            <a:ext cx="6733303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Something that you can prove to be true or false.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C9B80DCE-43F0-4030-8683-233D8D894C85}"/>
              </a:ext>
            </a:extLst>
          </p:cNvPr>
          <p:cNvSpPr txBox="1"/>
          <p:nvPr/>
        </p:nvSpPr>
        <p:spPr>
          <a:xfrm>
            <a:off x="1123073" y="4114729"/>
            <a:ext cx="6248111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E.g. I have travelled abroad four times.</a:t>
            </a:r>
          </a:p>
        </p:txBody>
      </p:sp>
      <p:sp>
        <p:nvSpPr>
          <p:cNvPr id="20" name="Rectangle: Rounded Corners 19">
            <a:extLst>
              <a:ext uri="{FF2B5EF4-FFF2-40B4-BE49-F238E27FC236}">
                <a16:creationId xmlns:a16="http://schemas.microsoft.com/office/drawing/2014/main" id="{736818CB-0FB3-477A-BE75-9913205A89CC}"/>
              </a:ext>
            </a:extLst>
          </p:cNvPr>
          <p:cNvSpPr/>
          <p:nvPr/>
        </p:nvSpPr>
        <p:spPr>
          <a:xfrm>
            <a:off x="895739" y="2184041"/>
            <a:ext cx="6913694" cy="1585527"/>
          </a:xfrm>
          <a:prstGeom prst="roundRect">
            <a:avLst/>
          </a:prstGeom>
          <a:noFill/>
          <a:ln w="76200">
            <a:solidFill>
              <a:schemeClr val="accent5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1DE71B89-26BE-4574-B79C-8830A5273056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439" t="9074"/>
          <a:stretch/>
        </p:blipFill>
        <p:spPr>
          <a:xfrm>
            <a:off x="7085533" y="1600200"/>
            <a:ext cx="4694216" cy="52578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0109893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0" dur="1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1500"/>
                            </p:stCondLst>
                            <p:childTnLst>
                              <p:par>
                                <p:cTn id="15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6" grpId="0"/>
      <p:bldP spid="19" grpId="0"/>
      <p:bldP spid="20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6BEDFF8E-2A34-413D-A799-44F00B2B9C76}"/>
              </a:ext>
            </a:extLst>
          </p:cNvPr>
          <p:cNvSpPr txBox="1"/>
          <p:nvPr/>
        </p:nvSpPr>
        <p:spPr>
          <a:xfrm>
            <a:off x="3108960" y="1714645"/>
            <a:ext cx="2121408" cy="707886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4000" b="1" dirty="0"/>
              <a:t>Opinion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AD36AC6B-89F2-46A5-9154-05E299A605E6}"/>
              </a:ext>
            </a:extLst>
          </p:cNvPr>
          <p:cNvSpPr txBox="1"/>
          <p:nvPr/>
        </p:nvSpPr>
        <p:spPr>
          <a:xfrm>
            <a:off x="1123073" y="2509086"/>
            <a:ext cx="6733303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b="1" dirty="0"/>
              <a:t>What someone thinks or feels.</a:t>
            </a:r>
          </a:p>
          <a:p>
            <a:r>
              <a:rPr lang="en-US" sz="4000" b="1" dirty="0"/>
              <a:t>There is no right or wrong opinion.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C9B80DCE-43F0-4030-8683-233D8D894C85}"/>
              </a:ext>
            </a:extLst>
          </p:cNvPr>
          <p:cNvSpPr txBox="1"/>
          <p:nvPr/>
        </p:nvSpPr>
        <p:spPr>
          <a:xfrm>
            <a:off x="950603" y="4796239"/>
            <a:ext cx="716139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E.g. My favourite place is Tokyo.</a:t>
            </a:r>
          </a:p>
        </p:txBody>
      </p:sp>
      <p:sp>
        <p:nvSpPr>
          <p:cNvPr id="20" name="Rectangle: Rounded Corners 19">
            <a:extLst>
              <a:ext uri="{FF2B5EF4-FFF2-40B4-BE49-F238E27FC236}">
                <a16:creationId xmlns:a16="http://schemas.microsoft.com/office/drawing/2014/main" id="{736818CB-0FB3-477A-BE75-9913205A89CC}"/>
              </a:ext>
            </a:extLst>
          </p:cNvPr>
          <p:cNvSpPr/>
          <p:nvPr/>
        </p:nvSpPr>
        <p:spPr>
          <a:xfrm>
            <a:off x="895738" y="2385209"/>
            <a:ext cx="6960637" cy="2205079"/>
          </a:xfrm>
          <a:prstGeom prst="roundRect">
            <a:avLst/>
          </a:prstGeom>
          <a:noFill/>
          <a:ln w="76200">
            <a:solidFill>
              <a:schemeClr val="accent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75672921-E5A4-43F4-8345-9A4B3B48819B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3439" t="9074"/>
          <a:stretch/>
        </p:blipFill>
        <p:spPr>
          <a:xfrm>
            <a:off x="7085533" y="1600200"/>
            <a:ext cx="4694216" cy="52578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421757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0" dur="1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1500"/>
                            </p:stCondLst>
                            <p:childTnLst>
                              <p:par>
                                <p:cTn id="15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6" grpId="0"/>
      <p:bldP spid="19" grpId="0"/>
      <p:bldP spid="20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75DD6A4C-4A52-68C4-4C39-E60F5EB05D79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Let’s look at the magazine article in Reading.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5EA4F9A-5F71-4C7A-8B8F-63D03694AB1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097508" y="1171291"/>
            <a:ext cx="4022355" cy="568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82432107-4215-44B5-93B1-4198033F5F2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115798" y="1171292"/>
            <a:ext cx="4013495" cy="56826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486149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0" name="Straight Connector 9">
            <a:extLst>
              <a:ext uri="{FF2B5EF4-FFF2-40B4-BE49-F238E27FC236}">
                <a16:creationId xmlns:a16="http://schemas.microsoft.com/office/drawing/2014/main" id="{ED879AC4-90D1-4E33-B3B7-FC808D2C9E83}"/>
              </a:ext>
            </a:extLst>
          </p:cNvPr>
          <p:cNvCxnSpPr/>
          <p:nvPr/>
        </p:nvCxnSpPr>
        <p:spPr>
          <a:xfrm>
            <a:off x="8851392" y="3300984"/>
            <a:ext cx="2011680" cy="0"/>
          </a:xfrm>
          <a:prstGeom prst="line">
            <a:avLst/>
          </a:prstGeom>
          <a:ln w="76200">
            <a:solidFill>
              <a:srgbClr val="00B0F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498039A8-5B37-45A6-9068-F9CC52629055}"/>
              </a:ext>
            </a:extLst>
          </p:cNvPr>
          <p:cNvCxnSpPr/>
          <p:nvPr/>
        </p:nvCxnSpPr>
        <p:spPr>
          <a:xfrm>
            <a:off x="4023360" y="3813048"/>
            <a:ext cx="1224000" cy="0"/>
          </a:xfrm>
          <a:prstGeom prst="line">
            <a:avLst/>
          </a:prstGeom>
          <a:ln w="76200">
            <a:solidFill>
              <a:srgbClr val="00B0F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Rectangle 4">
            <a:extLst>
              <a:ext uri="{FF2B5EF4-FFF2-40B4-BE49-F238E27FC236}">
                <a16:creationId xmlns:a16="http://schemas.microsoft.com/office/drawing/2014/main" id="{537F9757-874E-4789-9D6D-72E2EDD9BB30}"/>
              </a:ext>
            </a:extLst>
          </p:cNvPr>
          <p:cNvSpPr/>
          <p:nvPr/>
        </p:nvSpPr>
        <p:spPr>
          <a:xfrm>
            <a:off x="8110132" y="335450"/>
            <a:ext cx="1764000" cy="614141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2D772A3F-DB05-4B02-9F6A-D515EFFBC149}"/>
              </a:ext>
            </a:extLst>
          </p:cNvPr>
          <p:cNvSpPr/>
          <p:nvPr/>
        </p:nvSpPr>
        <p:spPr>
          <a:xfrm>
            <a:off x="6476405" y="333180"/>
            <a:ext cx="1044000" cy="614141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75DD6A4C-4A52-68C4-4C39-E60F5EB05D79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Are these sentences </a:t>
            </a:r>
            <a:r>
              <a:rPr lang="en-US" sz="3600" b="1" spc="73" dirty="0">
                <a:latin typeface="Calibri"/>
                <a:cs typeface="Calibri"/>
              </a:rPr>
              <a:t>facts</a:t>
            </a: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 or </a:t>
            </a:r>
            <a:r>
              <a:rPr lang="en-US" sz="3600" b="1" spc="73" dirty="0">
                <a:latin typeface="Calibri"/>
                <a:cs typeface="Calibri"/>
              </a:rPr>
              <a:t>opinions</a:t>
            </a: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F72AA3BA-E7FF-4586-A31B-3D988D05649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r="2525"/>
          <a:stretch/>
        </p:blipFill>
        <p:spPr>
          <a:xfrm>
            <a:off x="91440" y="1791902"/>
            <a:ext cx="11884250" cy="3237620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F5BA4111-3009-4088-B1BC-7F7E00EA1CF0}"/>
              </a:ext>
            </a:extLst>
          </p:cNvPr>
          <p:cNvSpPr txBox="1"/>
          <p:nvPr/>
        </p:nvSpPr>
        <p:spPr>
          <a:xfrm>
            <a:off x="6494693" y="5517890"/>
            <a:ext cx="2885467" cy="707886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4000" b="1" dirty="0"/>
              <a:t>an opini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703671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000"/>
                            </p:stCondLst>
                            <p:childTnLst>
                              <p:par>
                                <p:cTn id="2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7" grpId="0" animBg="1"/>
      <p:bldP spid="2" grpId="0"/>
      <p:bldP spid="12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332376EF-EE19-4B6E-9DF8-7D69D875384D}"/>
              </a:ext>
            </a:extLst>
          </p:cNvPr>
          <p:cNvCxnSpPr/>
          <p:nvPr/>
        </p:nvCxnSpPr>
        <p:spPr>
          <a:xfrm>
            <a:off x="505968" y="3349752"/>
            <a:ext cx="1944000" cy="0"/>
          </a:xfrm>
          <a:prstGeom prst="line">
            <a:avLst/>
          </a:prstGeom>
          <a:ln w="76200">
            <a:solidFill>
              <a:srgbClr val="00B0F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07D857E9-7748-4939-A90B-A29F74D80C50}"/>
              </a:ext>
            </a:extLst>
          </p:cNvPr>
          <p:cNvCxnSpPr/>
          <p:nvPr/>
        </p:nvCxnSpPr>
        <p:spPr>
          <a:xfrm>
            <a:off x="573024" y="2849880"/>
            <a:ext cx="6876000" cy="0"/>
          </a:xfrm>
          <a:prstGeom prst="line">
            <a:avLst/>
          </a:prstGeom>
          <a:ln w="76200">
            <a:solidFill>
              <a:srgbClr val="00B0F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498039A8-5B37-45A6-9068-F9CC52629055}"/>
              </a:ext>
            </a:extLst>
          </p:cNvPr>
          <p:cNvCxnSpPr/>
          <p:nvPr/>
        </p:nvCxnSpPr>
        <p:spPr>
          <a:xfrm>
            <a:off x="5285232" y="2331720"/>
            <a:ext cx="2484000" cy="0"/>
          </a:xfrm>
          <a:prstGeom prst="line">
            <a:avLst/>
          </a:prstGeom>
          <a:ln w="76200">
            <a:solidFill>
              <a:srgbClr val="00B0F0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Rectangle 4">
            <a:extLst>
              <a:ext uri="{FF2B5EF4-FFF2-40B4-BE49-F238E27FC236}">
                <a16:creationId xmlns:a16="http://schemas.microsoft.com/office/drawing/2014/main" id="{537F9757-874E-4789-9D6D-72E2EDD9BB30}"/>
              </a:ext>
            </a:extLst>
          </p:cNvPr>
          <p:cNvSpPr/>
          <p:nvPr/>
        </p:nvSpPr>
        <p:spPr>
          <a:xfrm>
            <a:off x="8110132" y="335450"/>
            <a:ext cx="1764000" cy="614141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2D772A3F-DB05-4B02-9F6A-D515EFFBC149}"/>
              </a:ext>
            </a:extLst>
          </p:cNvPr>
          <p:cNvSpPr/>
          <p:nvPr/>
        </p:nvSpPr>
        <p:spPr>
          <a:xfrm>
            <a:off x="6476405" y="333180"/>
            <a:ext cx="1044000" cy="614141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75DD6A4C-4A52-68C4-4C39-E60F5EB05D79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Are these sentences </a:t>
            </a: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facts </a:t>
            </a: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or</a:t>
            </a:r>
            <a:r>
              <a:rPr lang="en-US" sz="3600" b="1" spc="73" dirty="0">
                <a:solidFill>
                  <a:schemeClr val="tx1"/>
                </a:solidFill>
                <a:latin typeface="Calibri"/>
                <a:cs typeface="Calibri"/>
              </a:rPr>
              <a:t> opinions</a:t>
            </a: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?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F5BA4111-3009-4088-B1BC-7F7E00EA1CF0}"/>
              </a:ext>
            </a:extLst>
          </p:cNvPr>
          <p:cNvSpPr txBox="1"/>
          <p:nvPr/>
        </p:nvSpPr>
        <p:spPr>
          <a:xfrm>
            <a:off x="2568290" y="4710983"/>
            <a:ext cx="2885467" cy="707886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4000" b="1" dirty="0"/>
              <a:t>an opinion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9FA2A8B2-0D0A-45A4-9D82-9FE3BFDD3334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b="3979"/>
          <a:stretch/>
        </p:blipFill>
        <p:spPr>
          <a:xfrm>
            <a:off x="73152" y="1729066"/>
            <a:ext cx="12045696" cy="273320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877290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val 2">
            <a:extLst>
              <a:ext uri="{FF2B5EF4-FFF2-40B4-BE49-F238E27FC236}">
                <a16:creationId xmlns:a16="http://schemas.microsoft.com/office/drawing/2014/main" id="{A0D676F4-1D17-46DA-8E41-EA13EDCD730A}"/>
              </a:ext>
            </a:extLst>
          </p:cNvPr>
          <p:cNvSpPr/>
          <p:nvPr/>
        </p:nvSpPr>
        <p:spPr>
          <a:xfrm>
            <a:off x="5655212" y="1486352"/>
            <a:ext cx="1856936" cy="961094"/>
          </a:xfrm>
          <a:custGeom>
            <a:avLst/>
            <a:gdLst>
              <a:gd name="connsiteX0" fmla="*/ 0 w 1856936"/>
              <a:gd name="connsiteY0" fmla="*/ 480547 h 961094"/>
              <a:gd name="connsiteX1" fmla="*/ 928468 w 1856936"/>
              <a:gd name="connsiteY1" fmla="*/ 0 h 961094"/>
              <a:gd name="connsiteX2" fmla="*/ 1856936 w 1856936"/>
              <a:gd name="connsiteY2" fmla="*/ 480547 h 961094"/>
              <a:gd name="connsiteX3" fmla="*/ 928468 w 1856936"/>
              <a:gd name="connsiteY3" fmla="*/ 961094 h 961094"/>
              <a:gd name="connsiteX4" fmla="*/ 0 w 1856936"/>
              <a:gd name="connsiteY4" fmla="*/ 480547 h 96109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856936" h="961094" extrusionOk="0">
                <a:moveTo>
                  <a:pt x="0" y="480547"/>
                </a:moveTo>
                <a:cubicBezTo>
                  <a:pt x="-29978" y="179896"/>
                  <a:pt x="434397" y="-6792"/>
                  <a:pt x="928468" y="0"/>
                </a:cubicBezTo>
                <a:cubicBezTo>
                  <a:pt x="1406105" y="19745"/>
                  <a:pt x="1909266" y="199533"/>
                  <a:pt x="1856936" y="480547"/>
                </a:cubicBezTo>
                <a:cubicBezTo>
                  <a:pt x="1813245" y="658837"/>
                  <a:pt x="1431582" y="991168"/>
                  <a:pt x="928468" y="961094"/>
                </a:cubicBezTo>
                <a:cubicBezTo>
                  <a:pt x="452515" y="910292"/>
                  <a:pt x="25036" y="743886"/>
                  <a:pt x="0" y="480547"/>
                </a:cubicBezTo>
                <a:close/>
              </a:path>
            </a:pathLst>
          </a:custGeom>
          <a:noFill/>
          <a:ln w="76200">
            <a:solidFill>
              <a:schemeClr val="accent2"/>
            </a:solidFill>
            <a:extLst>
              <a:ext uri="{C807C97D-BFC1-408E-A445-0C87EB9F89A2}">
                <ask:lineSketchStyleProps xmlns:ask="http://schemas.microsoft.com/office/drawing/2018/sketchyshapes" sd="879248734">
                  <a:prstGeom prst="ellipse">
                    <a:avLst/>
                  </a:prstGeom>
                  <ask:type>
                    <ask:lineSketchFreehan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13" name="Oval 12">
            <a:extLst>
              <a:ext uri="{FF2B5EF4-FFF2-40B4-BE49-F238E27FC236}">
                <a16:creationId xmlns:a16="http://schemas.microsoft.com/office/drawing/2014/main" id="{E5C3AD6C-0B7F-438E-84FD-74311717DF0D}"/>
              </a:ext>
            </a:extLst>
          </p:cNvPr>
          <p:cNvSpPr/>
          <p:nvPr/>
        </p:nvSpPr>
        <p:spPr>
          <a:xfrm>
            <a:off x="3216638" y="2629738"/>
            <a:ext cx="2480778" cy="1084133"/>
          </a:xfrm>
          <a:custGeom>
            <a:avLst/>
            <a:gdLst>
              <a:gd name="connsiteX0" fmla="*/ 0 w 2480778"/>
              <a:gd name="connsiteY0" fmla="*/ 542067 h 1084133"/>
              <a:gd name="connsiteX1" fmla="*/ 1240389 w 2480778"/>
              <a:gd name="connsiteY1" fmla="*/ 0 h 1084133"/>
              <a:gd name="connsiteX2" fmla="*/ 2480778 w 2480778"/>
              <a:gd name="connsiteY2" fmla="*/ 542067 h 1084133"/>
              <a:gd name="connsiteX3" fmla="*/ 1240389 w 2480778"/>
              <a:gd name="connsiteY3" fmla="*/ 1084134 h 1084133"/>
              <a:gd name="connsiteX4" fmla="*/ 0 w 2480778"/>
              <a:gd name="connsiteY4" fmla="*/ 542067 h 108413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480778" h="1084133" extrusionOk="0">
                <a:moveTo>
                  <a:pt x="0" y="542067"/>
                </a:moveTo>
                <a:cubicBezTo>
                  <a:pt x="-13520" y="226794"/>
                  <a:pt x="603944" y="-17646"/>
                  <a:pt x="1240389" y="0"/>
                </a:cubicBezTo>
                <a:cubicBezTo>
                  <a:pt x="1871376" y="30374"/>
                  <a:pt x="2530539" y="227843"/>
                  <a:pt x="2480778" y="542067"/>
                </a:cubicBezTo>
                <a:cubicBezTo>
                  <a:pt x="2447181" y="774458"/>
                  <a:pt x="1918959" y="1104292"/>
                  <a:pt x="1240389" y="1084134"/>
                </a:cubicBezTo>
                <a:cubicBezTo>
                  <a:pt x="595427" y="1028834"/>
                  <a:pt x="18404" y="839927"/>
                  <a:pt x="0" y="542067"/>
                </a:cubicBezTo>
                <a:close/>
              </a:path>
            </a:pathLst>
          </a:custGeom>
          <a:noFill/>
          <a:ln w="76200">
            <a:solidFill>
              <a:schemeClr val="accent2"/>
            </a:solidFill>
            <a:extLst>
              <a:ext uri="{C807C97D-BFC1-408E-A445-0C87EB9F89A2}">
                <ask:lineSketchStyleProps xmlns:ask="http://schemas.microsoft.com/office/drawing/2018/sketchyshapes" sd="879248734">
                  <a:prstGeom prst="ellipse">
                    <a:avLst/>
                  </a:prstGeom>
                  <ask:type>
                    <ask:lineSketchFreehan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537F9757-874E-4789-9D6D-72E2EDD9BB30}"/>
              </a:ext>
            </a:extLst>
          </p:cNvPr>
          <p:cNvSpPr/>
          <p:nvPr/>
        </p:nvSpPr>
        <p:spPr>
          <a:xfrm>
            <a:off x="7963828" y="335450"/>
            <a:ext cx="1764000" cy="614141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/>
          </a:p>
        </p:txBody>
      </p:sp>
      <p:sp>
        <p:nvSpPr>
          <p:cNvPr id="2" name="object 81">
            <a:extLst>
              <a:ext uri="{FF2B5EF4-FFF2-40B4-BE49-F238E27FC236}">
                <a16:creationId xmlns:a16="http://schemas.microsoft.com/office/drawing/2014/main" id="{75DD6A4C-4A52-68C4-4C39-E60F5EB05D79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Look at the sentences which are </a:t>
            </a:r>
            <a:r>
              <a:rPr lang="en-US" sz="3600" b="1" spc="73" dirty="0">
                <a:latin typeface="Calibri"/>
                <a:cs typeface="Calibri"/>
              </a:rPr>
              <a:t>opinions</a:t>
            </a: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 again.</a:t>
            </a:r>
          </a:p>
        </p:txBody>
      </p:sp>
      <p:sp>
        <p:nvSpPr>
          <p:cNvPr id="8" name="Look at">
            <a:extLst>
              <a:ext uri="{FF2B5EF4-FFF2-40B4-BE49-F238E27FC236}">
                <a16:creationId xmlns:a16="http://schemas.microsoft.com/office/drawing/2014/main" id="{0A1EC651-4231-4EF1-9A98-32D59CA4632C}"/>
              </a:ext>
            </a:extLst>
          </p:cNvPr>
          <p:cNvSpPr txBox="1"/>
          <p:nvPr/>
        </p:nvSpPr>
        <p:spPr>
          <a:xfrm>
            <a:off x="1359390" y="1556425"/>
            <a:ext cx="6604438" cy="721736"/>
          </a:xfrm>
          <a:prstGeom prst="rect">
            <a:avLst/>
          </a:prstGeom>
          <a:noFill/>
          <a:effectLst>
            <a:softEdge rad="254000"/>
          </a:effectLst>
        </p:spPr>
        <p:txBody>
          <a:bodyPr wrap="square">
            <a:spAutoFit/>
          </a:bodyPr>
          <a:lstStyle/>
          <a:p>
            <a:pPr marL="571500" indent="-571500">
              <a:lnSpc>
                <a:spcPct val="107000"/>
              </a:lnSpc>
              <a:spcAft>
                <a:spcPts val="800"/>
              </a:spcAft>
              <a:buFont typeface="Arial" panose="020B0604020202020204" pitchFamily="34" charset="0"/>
              <a:buChar char="•"/>
            </a:pPr>
            <a:r>
              <a:rPr lang="en-HK" sz="4000" dirty="0">
                <a:ea typeface="PMingLiU" panose="02020500000000000000" pitchFamily="18" charset="-120"/>
                <a:cs typeface="Times New Roman" panose="02020603050405020304" pitchFamily="18" charset="0"/>
              </a:rPr>
              <a:t>The rides were so exciting.</a:t>
            </a:r>
            <a:endParaRPr lang="en-HK" sz="4000" dirty="0">
              <a:effectLst/>
              <a:ea typeface="PMingLiU" panose="02020500000000000000" pitchFamily="18" charset="-120"/>
              <a:cs typeface="Times New Roman" panose="02020603050405020304" pitchFamily="18" charset="0"/>
            </a:endParaRPr>
          </a:p>
        </p:txBody>
      </p:sp>
      <p:sp>
        <p:nvSpPr>
          <p:cNvPr id="9" name="Look at">
            <a:extLst>
              <a:ext uri="{FF2B5EF4-FFF2-40B4-BE49-F238E27FC236}">
                <a16:creationId xmlns:a16="http://schemas.microsoft.com/office/drawing/2014/main" id="{3759BE6B-16C1-462E-A64B-9698107482DA}"/>
              </a:ext>
            </a:extLst>
          </p:cNvPr>
          <p:cNvSpPr txBox="1"/>
          <p:nvPr/>
        </p:nvSpPr>
        <p:spPr>
          <a:xfrm>
            <a:off x="1359390" y="2770215"/>
            <a:ext cx="10392284" cy="1380378"/>
          </a:xfrm>
          <a:prstGeom prst="rect">
            <a:avLst/>
          </a:prstGeom>
          <a:noFill/>
          <a:effectLst>
            <a:softEdge rad="254000"/>
          </a:effectLst>
        </p:spPr>
        <p:txBody>
          <a:bodyPr wrap="square">
            <a:spAutoFit/>
          </a:bodyPr>
          <a:lstStyle/>
          <a:p>
            <a:pPr marL="571500" indent="-571500">
              <a:lnSpc>
                <a:spcPct val="107000"/>
              </a:lnSpc>
              <a:spcAft>
                <a:spcPts val="800"/>
              </a:spcAft>
              <a:buFont typeface="Arial" panose="020B0604020202020204" pitchFamily="34" charset="0"/>
              <a:buChar char="•"/>
            </a:pPr>
            <a:r>
              <a:rPr lang="en-HK" sz="4000" dirty="0">
                <a:ea typeface="PMingLiU" panose="02020500000000000000" pitchFamily="18" charset="-120"/>
                <a:cs typeface="Times New Roman" panose="02020603050405020304" pitchFamily="18" charset="0"/>
              </a:rPr>
              <a:t>It was interesting to see all the different types of seafood.</a:t>
            </a:r>
            <a:endParaRPr lang="en-HK" sz="4000" dirty="0">
              <a:effectLst/>
              <a:ea typeface="PMingLiU" panose="02020500000000000000" pitchFamily="18" charset="-120"/>
              <a:cs typeface="Times New Roman" panose="02020603050405020304" pitchFamily="18" charset="0"/>
            </a:endParaRP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DAAAC3C5-AE05-408B-BDC8-A4EAB9DA7A9C}"/>
              </a:ext>
            </a:extLst>
          </p:cNvPr>
          <p:cNvSpPr txBox="1"/>
          <p:nvPr/>
        </p:nvSpPr>
        <p:spPr>
          <a:xfrm>
            <a:off x="1216754" y="4524727"/>
            <a:ext cx="10073124" cy="1323439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effectLst>
            <a:softEdge rad="190500"/>
          </a:effectLst>
        </p:spPr>
        <p:txBody>
          <a:bodyPr wrap="square">
            <a:spAutoFit/>
          </a:bodyPr>
          <a:lstStyle/>
          <a:p>
            <a:pPr algn="ctr"/>
            <a:r>
              <a:rPr lang="en-US" sz="4000" b="1" dirty="0"/>
              <a:t>They all have an adjective.</a:t>
            </a:r>
          </a:p>
          <a:p>
            <a:pPr algn="ctr"/>
            <a:r>
              <a:rPr lang="en-US" sz="4000" b="1" dirty="0"/>
              <a:t>We can spot adjectives to identify opinions.</a:t>
            </a:r>
            <a:endParaRPr lang="en-HK" sz="4000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55666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3" dur="7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6" dur="75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75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13" grpId="0" animBg="1"/>
      <p:bldP spid="5" grpId="0" animBg="1"/>
      <p:bldP spid="2" grpId="0"/>
      <p:bldP spid="8" grpId="0" animBg="1"/>
      <p:bldP spid="9" grpId="0" animBg="1"/>
      <p:bldP spid="16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75DD6A4C-4A52-68C4-4C39-E60F5EB05D79}"/>
              </a:ext>
            </a:extLst>
          </p:cNvPr>
          <p:cNvSpPr txBox="1"/>
          <p:nvPr/>
        </p:nvSpPr>
        <p:spPr>
          <a:xfrm>
            <a:off x="530942" y="348958"/>
            <a:ext cx="11444748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bg1"/>
                </a:solidFill>
                <a:latin typeface="Calibri"/>
                <a:cs typeface="Calibri"/>
              </a:rPr>
              <a:t>Can you find more examples in the magazine article?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5EA4F9A-5F71-4C7A-8B8F-63D03694AB1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097508" y="1171291"/>
            <a:ext cx="4022355" cy="568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82432107-4215-44B5-93B1-4198033F5F2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115798" y="1171292"/>
            <a:ext cx="4013495" cy="56826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994208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5a_c6_p52_rs"/>
  <p:tag name="ISPRING_LMS_API_VERSION" val="SCORM 2004 (4th edition)"/>
  <p:tag name="ISPRING_ULTRA_SCORM_COURSE_ID" val="A12F2294-E66B-41A5-9841-FBF43A58055D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FIRST_PUBLISH" val="1"/>
  <p:tag name="ISPRING_ULTRA_SCORM_COURCE_TITLE" val="PLE3E 5A Chapter 6 Reading skill 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#\uFFFD\u0000{1BB5593B-751D-49A6-B6B3-FD998CCA9F0F}&quot;,&quot;C:\\Users\\HK1-UCatherineLeung\\OneDrive - Pearson PLC\\Digital\\PLE3E\\ePub\\5A&quot;]]"/>
  <p:tag name="ISPRING_SCORM_RATE_QUIZZES" val="0"/>
  <p:tag name="ISPRING_PRESENTATION_TITLE" val="PLE3E 5A Chapter 6 Reading skill PPT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5DED3ED-0862-4602-AEC6-E5BB988AC4A3}:28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5D8EDA3-3D99-4668-996B-9AF9D5C1F634}:28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13F13D6-CDB3-4A22-85CB-B60C257FC15B}:282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7D852F4-08F8-43A6-954C-2A39DEF11202}:277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2597A65-BD88-497C-848B-BD37F5BE9464}:286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22CC487-C3BC-413C-B12A-983593D64E93}:269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86393E-D75B-4AAB-B46C-16942615C41C}:283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90EFCFD-6E27-4BAF-9E40-E6ECD18FA08A}:284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F011E87-F667-474F-9B41-1AF9FB1068D4}:285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A5C89CF-4672-41E5-A72D-4350099B99EA}:279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5F3CF6B-1D80-4279-AC2C-193BEA88C263}:26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8F42EF2-AEC6-4D6C-B35A-98940061208E}:287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7985D78-666E-44FA-A9DB-AA22F5B18A2A}:263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929F1D2-97CF-4C45-A169-6134273A4DF0}:36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472102-5A3B-4336-9B97-A95C5B69519F}:27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9F8C24-C03A-4328-8A47-111FD26DB8DC}:272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D84BFBD-7A20-4F54-8390-084AA422A993}:27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AB7A654-3D86-4143-A774-65F71D08A4F2}:268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44CF7C-DD5F-4489-B68D-09870C29AC32}:27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108D64C-4575-4214-9192-504922C3FC63}:276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C01EC3-4B05-4FBE-9C92-5FBFDFA3CE3B}:278"/>
</p:tagLst>
</file>

<file path=ppt/theme/theme1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Props1.xml><?xml version="1.0" encoding="utf-8"?>
<ds:datastoreItem xmlns:ds="http://schemas.openxmlformats.org/officeDocument/2006/customXml" ds:itemID="{C8B8F3E5-3DF0-4C3A-833F-C36C0553BA38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09D6CBF4-0C11-4442-94C7-27F8AC6C8278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EA677E89-D0CC-4CDE-ADCB-DE55E1AA6CC9}">
  <ds:schemaRefs>
    <ds:schemaRef ds:uri="http://www.w3.org/XML/1998/namespace"/>
    <ds:schemaRef ds:uri="http://purl.org/dc/elements/1.1/"/>
    <ds:schemaRef ds:uri="http://schemas.microsoft.com/office/2006/metadata/properties"/>
    <ds:schemaRef ds:uri="http://purl.org/dc/dcmitype/"/>
    <ds:schemaRef ds:uri="http://schemas.microsoft.com/office/2006/documentManagement/types"/>
    <ds:schemaRef ds:uri="http://schemas.microsoft.com/office/infopath/2007/PartnerControls"/>
    <ds:schemaRef ds:uri="ea194019-af41-4f5f-90aa-3f3df5d17659"/>
    <ds:schemaRef ds:uri="http://schemas.openxmlformats.org/package/2006/metadata/core-properties"/>
    <ds:schemaRef ds:uri="6a719dc3-2774-4bb3-bd51-e2fea1f33844"/>
    <ds:schemaRef ds:uri="http://purl.org/dc/terms/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0549</TotalTime>
  <Words>483</Words>
  <Application>Microsoft Office PowerPoint</Application>
  <PresentationFormat>Widescreen</PresentationFormat>
  <Paragraphs>90</Paragraphs>
  <Slides>21</Slides>
  <Notes>21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28" baseType="lpstr">
      <vt:lpstr>新細明體</vt:lpstr>
      <vt:lpstr>Aptos</vt:lpstr>
      <vt:lpstr>Arial</vt:lpstr>
      <vt:lpstr>Calibri</vt:lpstr>
      <vt:lpstr>Calibri Light</vt:lpstr>
      <vt:lpstr>Open Sans ExtraBold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Reading skill PPT</dc:title>
  <dc:creator>Catherine Leung</dc:creator>
  <cp:lastModifiedBy>Catherine Leung</cp:lastModifiedBy>
  <cp:revision>15</cp:revision>
  <dcterms:created xsi:type="dcterms:W3CDTF">2025-02-12T03:48:57Z</dcterms:created>
  <dcterms:modified xsi:type="dcterms:W3CDTF">2025-10-14T01:30:3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